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5921877\Desktop\"/>
    </mc:Choice>
  </mc:AlternateContent>
  <xr:revisionPtr revIDLastSave="0" documentId="8_{CBD1AC55-14AA-4DDB-90BC-54DC7EBB2BFB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検索結果" sheetId="1" r:id="rId1"/>
  </sheets>
  <definedNames>
    <definedName name="_xlnm.Print_Titles" localSheetId="0">検索結果!$1:$1</definedName>
  </definedNames>
  <calcPr calcId="0"/>
</workbook>
</file>

<file path=xl/sharedStrings.xml><?xml version="1.0" encoding="utf-8"?>
<sst xmlns="http://schemas.openxmlformats.org/spreadsheetml/2006/main" count="1038" uniqueCount="126">
  <si>
    <t>所属名称・課名称</t>
  </si>
  <si>
    <t>支払日</t>
  </si>
  <si>
    <t>会計名称</t>
  </si>
  <si>
    <t>款名称</t>
  </si>
  <si>
    <t>項名称</t>
  </si>
  <si>
    <t>目名称</t>
  </si>
  <si>
    <t>節・細節名称</t>
  </si>
  <si>
    <t>支払内容</t>
  </si>
  <si>
    <t>支払額</t>
  </si>
  <si>
    <t>市場事業費用</t>
  </si>
  <si>
    <t>営業費用</t>
  </si>
  <si>
    <t>市場管理費</t>
  </si>
  <si>
    <t>経済戦略局　中央卸売市場総務課　（庶務）</t>
  </si>
  <si>
    <t>中央卸売市場事業会計</t>
  </si>
  <si>
    <t xml:space="preserve">報酬 </t>
  </si>
  <si>
    <t>令和７年７月分厚生年金保険料等の支出について（会計年度）</t>
  </si>
  <si>
    <t>令和７年６月分期末勤勉厚生年金保険料等の支出（会計年度）</t>
  </si>
  <si>
    <t>経済戦略局　中央卸売市場本場　（業務管理）</t>
  </si>
  <si>
    <t>令和７年６月賞与分厚生年金保険料等の支出について</t>
  </si>
  <si>
    <t>令和７年７月分厚生年金保険料等の支出について</t>
  </si>
  <si>
    <t>経済戦略局　中央卸売市場東部市場　（業務管理）</t>
  </si>
  <si>
    <t>令和７年７月分厚生年金保険料（事業主負担分）の支出について</t>
  </si>
  <si>
    <t>６月期末勤勉手当厚生年金保険料（事業主負担分）の支出について</t>
  </si>
  <si>
    <t xml:space="preserve">旅費 </t>
  </si>
  <si>
    <t>市内出張交通費(会計年度)　７月分</t>
  </si>
  <si>
    <t xml:space="preserve">負担金補助及び交付金 </t>
  </si>
  <si>
    <t>衛生組合分担金（令和７年７月分）の支出について</t>
  </si>
  <si>
    <t>経済戦略局　中央卸売市場本場　（設備）</t>
  </si>
  <si>
    <t>令和７年度本場ターレット・フォークリフト運行協力部会分担金</t>
  </si>
  <si>
    <t xml:space="preserve">役務費 </t>
  </si>
  <si>
    <t>タクシー乗車券料金（４月・５月分）の支出について</t>
  </si>
  <si>
    <t>東部市場電話料金（８月分）の支払いについて</t>
  </si>
  <si>
    <t>本場電話料金（８月分）の支払いについて</t>
  </si>
  <si>
    <t>経済戦略局　中央卸売市場企画課　（企画）</t>
  </si>
  <si>
    <t>令和７年度全国中央卸売市場協会近畿支部会費の納入について</t>
  </si>
  <si>
    <t>経済戦略局　中央卸売市場東部市場　（設備）</t>
  </si>
  <si>
    <t xml:space="preserve">委託料 </t>
  </si>
  <si>
    <t>令和７年度大阪市中央卸売市場東部市場緑地帯剪定業務委託</t>
  </si>
  <si>
    <t xml:space="preserve">光熱水費 </t>
  </si>
  <si>
    <t>本場　ガス料金（８月分）の支出について</t>
  </si>
  <si>
    <t>東部市場ガス料金（８月分）の支出について</t>
  </si>
  <si>
    <t>大規模低温貯蔵庫ランプウェイ部照明電気使用料（８月分）</t>
  </si>
  <si>
    <t>大阪市中央卸売市場東部市場マスクフィットテスト業務委託</t>
  </si>
  <si>
    <t xml:space="preserve">修繕費 </t>
  </si>
  <si>
    <t>大阪市中央卸売市場東部市場特高変電室空調設備Ｎｏ２修繕</t>
  </si>
  <si>
    <t>大阪市中央卸売市場東部市場設備管理班詰所空調設備修繕</t>
  </si>
  <si>
    <t>大阪市中央卸売市場東部市場塵芥処理施設２重量シャッター修繕</t>
  </si>
  <si>
    <t>令和７年度全中協第２回理事会出席にかかる出張旅費</t>
  </si>
  <si>
    <t xml:space="preserve">給料 </t>
  </si>
  <si>
    <t>令和７年９月分給与　物件費</t>
  </si>
  <si>
    <t>経済戦略局　中央卸売市場総務課　（計理）</t>
  </si>
  <si>
    <t>令和７年９月分給与</t>
  </si>
  <si>
    <t>中央卸売市場東部市場内電話回線利用料（令和7年5～7月請求分）</t>
  </si>
  <si>
    <t xml:space="preserve">使用料及び賃借料 </t>
  </si>
  <si>
    <t>庁内情報利用パソコン等機器（中央卸売市場）一式長期借入</t>
  </si>
  <si>
    <t>LGWAN接続系利用パソコン等機器（中央卸売市場）一式長期借入</t>
  </si>
  <si>
    <t>大阪市中央卸売市場事務用ファクシミリ機器長期借入</t>
  </si>
  <si>
    <t>大阪市中央卸売市場庁内ネットワーク用プロッター長期借入</t>
  </si>
  <si>
    <t>令和７年度　市内出張交通費８月分</t>
  </si>
  <si>
    <t>大阪市中央卸売市場本場ターレット式構内運搬自動車借入</t>
  </si>
  <si>
    <t>大阪市中央卸売市場本場設備管理業務委託　長期契約</t>
  </si>
  <si>
    <t>卸売市場本場大規模低温貯蔵庫161-1号室、145-1号室空調設備修繕</t>
  </si>
  <si>
    <t>大阪市中央卸売市場東部市場警備業務委託　長期継続（概算契約）</t>
  </si>
  <si>
    <t>東部市場配送加工施設の植栽の潅水設備水道使用料（７年８月分）</t>
  </si>
  <si>
    <t>東部市場配送加工施設の外灯照明に係る電気使用料（７年８月分）</t>
  </si>
  <si>
    <t>本場電話料金（8月分）の支払いについて</t>
  </si>
  <si>
    <t>令和７年８月分市内出張等交通旅費の支出</t>
  </si>
  <si>
    <t>本場・東部市場水道料金（８月分）の支出について</t>
  </si>
  <si>
    <t>大阪市公開系システム用通信サービス利用　長期継続</t>
  </si>
  <si>
    <t>大阪市中央卸売市場情報システムネットワーク機器長期借入</t>
  </si>
  <si>
    <t>市場情報システム用専用回線使用料８月分</t>
  </si>
  <si>
    <t>大阪市中央卸売市場本場市場東棟排気ダクト等緊急修繕</t>
  </si>
  <si>
    <t>本場・東部市場下水道料金（８月分）の支出について</t>
  </si>
  <si>
    <t>流動負債</t>
  </si>
  <si>
    <t>企業債</t>
  </si>
  <si>
    <t xml:space="preserve">建設改良費等の財源に充てるための </t>
  </si>
  <si>
    <t>企業債元利償還の支出について</t>
  </si>
  <si>
    <t>支払利息及び企業債取扱諸費</t>
  </si>
  <si>
    <t>営業外費用</t>
  </si>
  <si>
    <t xml:space="preserve">企業債利息 </t>
  </si>
  <si>
    <t>令和７年度　大阪市中央卸売市場業務管理棟共益費の支出について</t>
  </si>
  <si>
    <t>大阪市中央卸売市場本場自動体外式除細動器（AED）一式長期借入</t>
  </si>
  <si>
    <t>大阪市中央卸売市場本場警備業務委託　長期継続（概算契約）</t>
  </si>
  <si>
    <t>預り金</t>
  </si>
  <si>
    <t xml:space="preserve">預り保証金 </t>
  </si>
  <si>
    <t>市場施設の一部返還にかかる預託保証金の返還金請求</t>
  </si>
  <si>
    <t>市場施設の返還にかかる預託保証金の返還金請求</t>
  </si>
  <si>
    <t>大阪市中央卸売市場本場衛生組合分担金（８月分）の支出について</t>
  </si>
  <si>
    <t>大阪市中央卸売市場業務系システム用プリンタ長期借入</t>
  </si>
  <si>
    <t>本場・東部市場　工業用水道料金の支出について（９月請求分）</t>
  </si>
  <si>
    <t>令和７年度本場一廃搬出及び分別指導業務委託(概算契約)(８月分)</t>
  </si>
  <si>
    <t>大阪市中央卸売市場本場市場東棟換気設備修繕</t>
  </si>
  <si>
    <t>中央卸売市場東部市場自動体外式除細動器（ＡＥＤ）一式長期借入</t>
  </si>
  <si>
    <t>令和７年８月分市内出張交通費の支出について</t>
  </si>
  <si>
    <t>中央卸売市場仮想統合基盤サーバ及び関係機器等一式長期借入</t>
  </si>
  <si>
    <t>後納郵便料金（８月分）の支出について</t>
  </si>
  <si>
    <t>流動資産</t>
  </si>
  <si>
    <t>前払金</t>
  </si>
  <si>
    <t xml:space="preserve">前払金 </t>
  </si>
  <si>
    <t>大阪市中央卸売市場本場西棟環境配慮改修工事－２（緊急）</t>
  </si>
  <si>
    <t>令和７年度東部市場一般廃棄物搬出業務委託（概算契約）</t>
  </si>
  <si>
    <t>大阪市中央卸売市場文書逓送業務委託　長期継続</t>
  </si>
  <si>
    <t xml:space="preserve">備消品費 </t>
  </si>
  <si>
    <t>大阪市中央卸売市場カラーデジタル複合機等長期借入（単価契約）</t>
  </si>
  <si>
    <t>市内出張交通費（８月分）の支出について</t>
  </si>
  <si>
    <t>本場東棟の電気料金（８月分）の支出について</t>
  </si>
  <si>
    <t>本場西棟の電気料金（８月分）の支出について</t>
  </si>
  <si>
    <t>東部市場電気料金（特高圧８月分）の支出について</t>
  </si>
  <si>
    <t>東部市場電気料金（９月分）の支出について</t>
  </si>
  <si>
    <t>令和７年８月分厚生年金保険料等の支出について（会計年度）</t>
  </si>
  <si>
    <t>本場電話料金（８月分）の支出について</t>
  </si>
  <si>
    <t>東部市場電話料金（８月分）支出について</t>
  </si>
  <si>
    <t>令和７年９月払　共済費事業主負担金の支出について（物件費）</t>
  </si>
  <si>
    <t>消費税及び地方消費税</t>
  </si>
  <si>
    <t xml:space="preserve">消費税及び地方消費税 </t>
  </si>
  <si>
    <t>消費税及び地方消費税の中間納付４～６月分</t>
  </si>
  <si>
    <t>令和７年９月払　共済費事業主負担金の支出について（人件費）</t>
  </si>
  <si>
    <t xml:space="preserve">報償費 </t>
  </si>
  <si>
    <t>令和７年度卸売業者財務検査サポート業務報償金</t>
  </si>
  <si>
    <t>インターネット接続基本回線使用料（８月分）</t>
  </si>
  <si>
    <t>令和７年８月分厚生年金保険料等の支出について</t>
  </si>
  <si>
    <t>令和７年８月分料金後納郵便代の支出について</t>
  </si>
  <si>
    <t>令和７年８月分厚生年金保険料（事業主負担分）の支出について</t>
  </si>
  <si>
    <t>中央卸売市場東部市場内　専用回線利用料（８月分）</t>
  </si>
  <si>
    <t>大阪市中央卸売市場情報システムＷＥＢサーバ機及び周辺機器一式借入</t>
    <rPh sb="30" eb="32">
      <t>カリイレ</t>
    </rPh>
    <phoneticPr fontId="12"/>
  </si>
  <si>
    <t>庁内情報ネットワークにおける小規模事業所向け通信サービス利用料</t>
    <rPh sb="30" eb="31">
      <t>リョウ</t>
    </rPh>
    <phoneticPr fontId="1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0"/>
      <color indexed="8"/>
      <name val="游ゴシック"/>
      <family val="2"/>
      <scheme val="minor"/>
    </font>
    <font>
      <sz val="10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6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22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2">
    <xf numFmtId="0" fontId="0" fillId="0" borderId="0" xfId="0">
      <alignment vertical="center"/>
    </xf>
    <xf numFmtId="0" fontId="1" fillId="2" borderId="1" xfId="0" applyNumberFormat="1" applyFont="1" applyFill="1" applyBorder="1" applyAlignment="1">
      <alignment horizontal="center" vertical="center"/>
    </xf>
    <xf numFmtId="0" fontId="2" fillId="0" borderId="1" xfId="0" applyNumberFormat="1" applyFont="1" applyBorder="1" applyAlignment="1">
      <alignment horizontal="left"/>
    </xf>
    <xf numFmtId="0" fontId="3" fillId="0" borderId="1" xfId="0" applyNumberFormat="1" applyFont="1" applyBorder="1" applyAlignment="1">
      <alignment horizontal="left"/>
    </xf>
    <xf numFmtId="58" fontId="4" fillId="0" borderId="1" xfId="0" applyNumberFormat="1" applyFont="1" applyBorder="1" applyAlignment="1">
      <alignment horizontal="left"/>
    </xf>
    <xf numFmtId="0" fontId="5" fillId="0" borderId="1" xfId="0" applyNumberFormat="1" applyFont="1" applyBorder="1" applyAlignment="1">
      <alignment horizontal="left"/>
    </xf>
    <xf numFmtId="0" fontId="6" fillId="0" borderId="1" xfId="0" applyNumberFormat="1" applyFont="1" applyBorder="1" applyAlignment="1">
      <alignment horizontal="left"/>
    </xf>
    <xf numFmtId="0" fontId="7" fillId="0" borderId="1" xfId="0" applyNumberFormat="1" applyFont="1" applyBorder="1" applyAlignment="1">
      <alignment horizontal="left"/>
    </xf>
    <xf numFmtId="0" fontId="8" fillId="0" borderId="1" xfId="0" applyNumberFormat="1" applyFont="1" applyBorder="1" applyAlignment="1">
      <alignment horizontal="left"/>
    </xf>
    <xf numFmtId="0" fontId="9" fillId="0" borderId="1" xfId="0" applyNumberFormat="1" applyFont="1" applyBorder="1" applyAlignment="1">
      <alignment horizontal="left"/>
    </xf>
    <xf numFmtId="0" fontId="10" fillId="0" borderId="1" xfId="0" applyNumberFormat="1" applyFont="1" applyBorder="1" applyAlignment="1">
      <alignment horizontal="left"/>
    </xf>
    <xf numFmtId="37" fontId="11" fillId="0" borderId="1" xfId="0" applyNumberFormat="1" applyFont="1" applyBorder="1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148"/>
  <sheetViews>
    <sheetView tabSelected="1" workbookViewId="0">
      <selection activeCell="H86" sqref="H86"/>
    </sheetView>
  </sheetViews>
  <sheetFormatPr defaultRowHeight="16.5" x14ac:dyDescent="0.35"/>
  <cols>
    <col min="1" max="1" width="52.42578125" bestFit="1" customWidth="1"/>
    <col min="2" max="2" width="16.42578125" bestFit="1" customWidth="1"/>
    <col min="3" max="3" width="23.140625" bestFit="1" customWidth="1"/>
    <col min="4" max="4" width="14.140625" bestFit="1" customWidth="1"/>
    <col min="5" max="5" width="11.85546875" bestFit="1" customWidth="1"/>
    <col min="6" max="6" width="29.85546875" bestFit="1" customWidth="1"/>
    <col min="7" max="7" width="37.7109375" bestFit="1" customWidth="1"/>
    <col min="8" max="8" width="72.7109375" bestFit="1" customWidth="1"/>
    <col min="9" max="9" width="15.28515625" bestFit="1" customWidth="1"/>
  </cols>
  <sheetData>
    <row r="1" spans="1:9" x14ac:dyDescent="0.3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</row>
    <row r="2" spans="1:9" x14ac:dyDescent="0.15">
      <c r="A2" s="3" t="s">
        <v>12</v>
      </c>
      <c r="B2" s="4">
        <v>45901</v>
      </c>
      <c r="C2" s="5" t="s">
        <v>13</v>
      </c>
      <c r="D2" s="6" t="s">
        <v>9</v>
      </c>
      <c r="E2" s="7" t="s">
        <v>10</v>
      </c>
      <c r="F2" s="8" t="s">
        <v>11</v>
      </c>
      <c r="G2" s="9" t="s">
        <v>14</v>
      </c>
      <c r="H2" s="10" t="s">
        <v>15</v>
      </c>
      <c r="I2" s="11">
        <v>20922</v>
      </c>
    </row>
    <row r="3" spans="1:9" x14ac:dyDescent="0.15">
      <c r="A3" s="3" t="s">
        <v>12</v>
      </c>
      <c r="B3" s="4">
        <v>45901</v>
      </c>
      <c r="C3" s="5" t="s">
        <v>13</v>
      </c>
      <c r="D3" s="6" t="s">
        <v>9</v>
      </c>
      <c r="E3" s="7" t="s">
        <v>10</v>
      </c>
      <c r="F3" s="8" t="s">
        <v>11</v>
      </c>
      <c r="G3" s="9" t="s">
        <v>14</v>
      </c>
      <c r="H3" s="10" t="s">
        <v>16</v>
      </c>
      <c r="I3" s="11">
        <v>40608</v>
      </c>
    </row>
    <row r="4" spans="1:9" x14ac:dyDescent="0.15">
      <c r="A4" s="3" t="s">
        <v>17</v>
      </c>
      <c r="B4" s="4">
        <v>45901</v>
      </c>
      <c r="C4" s="5" t="s">
        <v>13</v>
      </c>
      <c r="D4" s="6" t="s">
        <v>9</v>
      </c>
      <c r="E4" s="7" t="s">
        <v>10</v>
      </c>
      <c r="F4" s="8" t="s">
        <v>11</v>
      </c>
      <c r="G4" s="9" t="s">
        <v>14</v>
      </c>
      <c r="H4" s="10" t="s">
        <v>18</v>
      </c>
      <c r="I4" s="11">
        <v>71706</v>
      </c>
    </row>
    <row r="5" spans="1:9" x14ac:dyDescent="0.15">
      <c r="A5" s="3" t="s">
        <v>17</v>
      </c>
      <c r="B5" s="4">
        <v>45901</v>
      </c>
      <c r="C5" s="5" t="s">
        <v>13</v>
      </c>
      <c r="D5" s="6" t="s">
        <v>9</v>
      </c>
      <c r="E5" s="7" t="s">
        <v>10</v>
      </c>
      <c r="F5" s="8" t="s">
        <v>11</v>
      </c>
      <c r="G5" s="9" t="s">
        <v>14</v>
      </c>
      <c r="H5" s="10" t="s">
        <v>19</v>
      </c>
      <c r="I5" s="11">
        <v>46599</v>
      </c>
    </row>
    <row r="6" spans="1:9" x14ac:dyDescent="0.15">
      <c r="A6" s="3" t="s">
        <v>20</v>
      </c>
      <c r="B6" s="4">
        <v>45901</v>
      </c>
      <c r="C6" s="5" t="s">
        <v>13</v>
      </c>
      <c r="D6" s="6" t="s">
        <v>9</v>
      </c>
      <c r="E6" s="7" t="s">
        <v>10</v>
      </c>
      <c r="F6" s="8" t="s">
        <v>11</v>
      </c>
      <c r="G6" s="9" t="s">
        <v>14</v>
      </c>
      <c r="H6" s="10" t="s">
        <v>21</v>
      </c>
      <c r="I6" s="11">
        <v>26628</v>
      </c>
    </row>
    <row r="7" spans="1:9" x14ac:dyDescent="0.15">
      <c r="A7" s="3" t="s">
        <v>20</v>
      </c>
      <c r="B7" s="4">
        <v>45901</v>
      </c>
      <c r="C7" s="5" t="s">
        <v>13</v>
      </c>
      <c r="D7" s="6" t="s">
        <v>9</v>
      </c>
      <c r="E7" s="7" t="s">
        <v>10</v>
      </c>
      <c r="F7" s="8" t="s">
        <v>11</v>
      </c>
      <c r="G7" s="9" t="s">
        <v>14</v>
      </c>
      <c r="H7" s="10" t="s">
        <v>21</v>
      </c>
      <c r="I7" s="11">
        <v>36138</v>
      </c>
    </row>
    <row r="8" spans="1:9" x14ac:dyDescent="0.15">
      <c r="A8" s="3" t="s">
        <v>20</v>
      </c>
      <c r="B8" s="4">
        <v>45901</v>
      </c>
      <c r="C8" s="5" t="s">
        <v>13</v>
      </c>
      <c r="D8" s="6" t="s">
        <v>9</v>
      </c>
      <c r="E8" s="7" t="s">
        <v>10</v>
      </c>
      <c r="F8" s="8" t="s">
        <v>11</v>
      </c>
      <c r="G8" s="9" t="s">
        <v>14</v>
      </c>
      <c r="H8" s="10" t="s">
        <v>22</v>
      </c>
      <c r="I8" s="11">
        <v>31098</v>
      </c>
    </row>
    <row r="9" spans="1:9" x14ac:dyDescent="0.15">
      <c r="A9" s="3" t="s">
        <v>20</v>
      </c>
      <c r="B9" s="4">
        <v>45901</v>
      </c>
      <c r="C9" s="5" t="s">
        <v>13</v>
      </c>
      <c r="D9" s="6" t="s">
        <v>9</v>
      </c>
      <c r="E9" s="7" t="s">
        <v>10</v>
      </c>
      <c r="F9" s="8" t="s">
        <v>11</v>
      </c>
      <c r="G9" s="9" t="s">
        <v>14</v>
      </c>
      <c r="H9" s="10" t="s">
        <v>22</v>
      </c>
      <c r="I9" s="11">
        <v>63622</v>
      </c>
    </row>
    <row r="10" spans="1:9" x14ac:dyDescent="0.15">
      <c r="A10" s="3" t="s">
        <v>17</v>
      </c>
      <c r="B10" s="4">
        <v>45902</v>
      </c>
      <c r="C10" s="5" t="s">
        <v>13</v>
      </c>
      <c r="D10" s="6" t="s">
        <v>9</v>
      </c>
      <c r="E10" s="7" t="s">
        <v>10</v>
      </c>
      <c r="F10" s="8" t="s">
        <v>11</v>
      </c>
      <c r="G10" s="9" t="s">
        <v>23</v>
      </c>
      <c r="H10" s="10" t="s">
        <v>24</v>
      </c>
      <c r="I10" s="11">
        <v>680</v>
      </c>
    </row>
    <row r="11" spans="1:9" x14ac:dyDescent="0.15">
      <c r="A11" s="3" t="s">
        <v>20</v>
      </c>
      <c r="B11" s="4">
        <v>45902</v>
      </c>
      <c r="C11" s="5" t="s">
        <v>13</v>
      </c>
      <c r="D11" s="6" t="s">
        <v>9</v>
      </c>
      <c r="E11" s="7" t="s">
        <v>10</v>
      </c>
      <c r="F11" s="8" t="s">
        <v>11</v>
      </c>
      <c r="G11" s="9" t="s">
        <v>25</v>
      </c>
      <c r="H11" s="10" t="s">
        <v>26</v>
      </c>
      <c r="I11" s="11">
        <v>8617611</v>
      </c>
    </row>
    <row r="12" spans="1:9" x14ac:dyDescent="0.15">
      <c r="A12" s="3" t="s">
        <v>27</v>
      </c>
      <c r="B12" s="4">
        <v>45903</v>
      </c>
      <c r="C12" s="5" t="s">
        <v>13</v>
      </c>
      <c r="D12" s="6" t="s">
        <v>9</v>
      </c>
      <c r="E12" s="7" t="s">
        <v>10</v>
      </c>
      <c r="F12" s="8" t="s">
        <v>11</v>
      </c>
      <c r="G12" s="9" t="s">
        <v>25</v>
      </c>
      <c r="H12" s="10" t="s">
        <v>28</v>
      </c>
      <c r="I12" s="11">
        <v>1000</v>
      </c>
    </row>
    <row r="13" spans="1:9" x14ac:dyDescent="0.15">
      <c r="A13" s="3" t="s">
        <v>12</v>
      </c>
      <c r="B13" s="4">
        <v>45905</v>
      </c>
      <c r="C13" s="5" t="s">
        <v>13</v>
      </c>
      <c r="D13" s="6" t="s">
        <v>9</v>
      </c>
      <c r="E13" s="7" t="s">
        <v>10</v>
      </c>
      <c r="F13" s="8" t="s">
        <v>11</v>
      </c>
      <c r="G13" s="9" t="s">
        <v>29</v>
      </c>
      <c r="H13" s="10" t="s">
        <v>30</v>
      </c>
      <c r="I13" s="11">
        <v>19060</v>
      </c>
    </row>
    <row r="14" spans="1:9" x14ac:dyDescent="0.15">
      <c r="A14" s="3" t="s">
        <v>12</v>
      </c>
      <c r="B14" s="4">
        <v>45905</v>
      </c>
      <c r="C14" s="5" t="s">
        <v>13</v>
      </c>
      <c r="D14" s="6" t="s">
        <v>9</v>
      </c>
      <c r="E14" s="7" t="s">
        <v>10</v>
      </c>
      <c r="F14" s="8" t="s">
        <v>11</v>
      </c>
      <c r="G14" s="9" t="s">
        <v>29</v>
      </c>
      <c r="H14" s="10" t="s">
        <v>30</v>
      </c>
      <c r="I14" s="11">
        <v>32960</v>
      </c>
    </row>
    <row r="15" spans="1:9" x14ac:dyDescent="0.15">
      <c r="A15" s="3" t="s">
        <v>12</v>
      </c>
      <c r="B15" s="4">
        <v>45905</v>
      </c>
      <c r="C15" s="5" t="s">
        <v>13</v>
      </c>
      <c r="D15" s="6" t="s">
        <v>9</v>
      </c>
      <c r="E15" s="7" t="s">
        <v>10</v>
      </c>
      <c r="F15" s="8" t="s">
        <v>11</v>
      </c>
      <c r="G15" s="9" t="s">
        <v>29</v>
      </c>
      <c r="H15" s="10" t="s">
        <v>30</v>
      </c>
      <c r="I15" s="11">
        <v>34220</v>
      </c>
    </row>
    <row r="16" spans="1:9" x14ac:dyDescent="0.15">
      <c r="A16" s="3" t="s">
        <v>12</v>
      </c>
      <c r="B16" s="4">
        <v>45905</v>
      </c>
      <c r="C16" s="5" t="s">
        <v>13</v>
      </c>
      <c r="D16" s="6" t="s">
        <v>9</v>
      </c>
      <c r="E16" s="7" t="s">
        <v>10</v>
      </c>
      <c r="F16" s="8" t="s">
        <v>11</v>
      </c>
      <c r="G16" s="9" t="s">
        <v>29</v>
      </c>
      <c r="H16" s="10" t="s">
        <v>31</v>
      </c>
      <c r="I16" s="11">
        <v>34647</v>
      </c>
    </row>
    <row r="17" spans="1:9" x14ac:dyDescent="0.15">
      <c r="A17" s="3" t="s">
        <v>12</v>
      </c>
      <c r="B17" s="4">
        <v>45905</v>
      </c>
      <c r="C17" s="5" t="s">
        <v>13</v>
      </c>
      <c r="D17" s="6" t="s">
        <v>9</v>
      </c>
      <c r="E17" s="7" t="s">
        <v>10</v>
      </c>
      <c r="F17" s="8" t="s">
        <v>11</v>
      </c>
      <c r="G17" s="9" t="s">
        <v>29</v>
      </c>
      <c r="H17" s="10" t="s">
        <v>32</v>
      </c>
      <c r="I17" s="11">
        <v>78072</v>
      </c>
    </row>
    <row r="18" spans="1:9" x14ac:dyDescent="0.15">
      <c r="A18" s="3" t="s">
        <v>12</v>
      </c>
      <c r="B18" s="4">
        <v>45905</v>
      </c>
      <c r="C18" s="5" t="s">
        <v>13</v>
      </c>
      <c r="D18" s="6" t="s">
        <v>9</v>
      </c>
      <c r="E18" s="7" t="s">
        <v>10</v>
      </c>
      <c r="F18" s="8" t="s">
        <v>11</v>
      </c>
      <c r="G18" s="9" t="s">
        <v>29</v>
      </c>
      <c r="H18" s="10" t="s">
        <v>31</v>
      </c>
      <c r="I18" s="11">
        <v>5595</v>
      </c>
    </row>
    <row r="19" spans="1:9" x14ac:dyDescent="0.15">
      <c r="A19" s="3" t="s">
        <v>33</v>
      </c>
      <c r="B19" s="4">
        <v>45905</v>
      </c>
      <c r="C19" s="5" t="s">
        <v>13</v>
      </c>
      <c r="D19" s="6" t="s">
        <v>9</v>
      </c>
      <c r="E19" s="7" t="s">
        <v>10</v>
      </c>
      <c r="F19" s="8" t="s">
        <v>11</v>
      </c>
      <c r="G19" s="9" t="s">
        <v>25</v>
      </c>
      <c r="H19" s="10" t="s">
        <v>34</v>
      </c>
      <c r="I19" s="11">
        <v>10000</v>
      </c>
    </row>
    <row r="20" spans="1:9" x14ac:dyDescent="0.15">
      <c r="A20" s="3" t="s">
        <v>35</v>
      </c>
      <c r="B20" s="4">
        <v>45905</v>
      </c>
      <c r="C20" s="5" t="s">
        <v>13</v>
      </c>
      <c r="D20" s="6" t="s">
        <v>9</v>
      </c>
      <c r="E20" s="7" t="s">
        <v>10</v>
      </c>
      <c r="F20" s="8" t="s">
        <v>11</v>
      </c>
      <c r="G20" s="9" t="s">
        <v>36</v>
      </c>
      <c r="H20" s="10" t="s">
        <v>37</v>
      </c>
      <c r="I20" s="11">
        <v>913000</v>
      </c>
    </row>
    <row r="21" spans="1:9" x14ac:dyDescent="0.15">
      <c r="A21" s="3" t="s">
        <v>12</v>
      </c>
      <c r="B21" s="4">
        <v>45908</v>
      </c>
      <c r="C21" s="5" t="s">
        <v>13</v>
      </c>
      <c r="D21" s="6" t="s">
        <v>9</v>
      </c>
      <c r="E21" s="7" t="s">
        <v>10</v>
      </c>
      <c r="F21" s="8" t="s">
        <v>11</v>
      </c>
      <c r="G21" s="9" t="s">
        <v>38</v>
      </c>
      <c r="H21" s="10" t="s">
        <v>39</v>
      </c>
      <c r="I21" s="11">
        <v>2844</v>
      </c>
    </row>
    <row r="22" spans="1:9" x14ac:dyDescent="0.15">
      <c r="A22" s="3" t="s">
        <v>12</v>
      </c>
      <c r="B22" s="4">
        <v>45908</v>
      </c>
      <c r="C22" s="5" t="s">
        <v>13</v>
      </c>
      <c r="D22" s="6" t="s">
        <v>9</v>
      </c>
      <c r="E22" s="7" t="s">
        <v>10</v>
      </c>
      <c r="F22" s="8" t="s">
        <v>11</v>
      </c>
      <c r="G22" s="9" t="s">
        <v>38</v>
      </c>
      <c r="H22" s="10" t="s">
        <v>40</v>
      </c>
      <c r="I22" s="11">
        <v>4168</v>
      </c>
    </row>
    <row r="23" spans="1:9" x14ac:dyDescent="0.15">
      <c r="A23" s="3" t="s">
        <v>17</v>
      </c>
      <c r="B23" s="4">
        <v>45911</v>
      </c>
      <c r="C23" s="5" t="s">
        <v>13</v>
      </c>
      <c r="D23" s="6" t="s">
        <v>9</v>
      </c>
      <c r="E23" s="7" t="s">
        <v>10</v>
      </c>
      <c r="F23" s="8" t="s">
        <v>11</v>
      </c>
      <c r="G23" s="9" t="s">
        <v>38</v>
      </c>
      <c r="H23" s="10" t="s">
        <v>41</v>
      </c>
      <c r="I23" s="11">
        <v>12909</v>
      </c>
    </row>
    <row r="24" spans="1:9" x14ac:dyDescent="0.15">
      <c r="A24" s="3" t="s">
        <v>35</v>
      </c>
      <c r="B24" s="4">
        <v>45911</v>
      </c>
      <c r="C24" s="5" t="s">
        <v>13</v>
      </c>
      <c r="D24" s="6" t="s">
        <v>9</v>
      </c>
      <c r="E24" s="7" t="s">
        <v>10</v>
      </c>
      <c r="F24" s="8" t="s">
        <v>11</v>
      </c>
      <c r="G24" s="9" t="s">
        <v>36</v>
      </c>
      <c r="H24" s="10" t="s">
        <v>42</v>
      </c>
      <c r="I24" s="11">
        <v>52800</v>
      </c>
    </row>
    <row r="25" spans="1:9" x14ac:dyDescent="0.15">
      <c r="A25" s="3" t="s">
        <v>35</v>
      </c>
      <c r="B25" s="4">
        <v>45912</v>
      </c>
      <c r="C25" s="5" t="s">
        <v>13</v>
      </c>
      <c r="D25" s="6" t="s">
        <v>9</v>
      </c>
      <c r="E25" s="7" t="s">
        <v>10</v>
      </c>
      <c r="F25" s="8" t="s">
        <v>11</v>
      </c>
      <c r="G25" s="9" t="s">
        <v>43</v>
      </c>
      <c r="H25" s="10" t="s">
        <v>44</v>
      </c>
      <c r="I25" s="11">
        <v>106700</v>
      </c>
    </row>
    <row r="26" spans="1:9" x14ac:dyDescent="0.15">
      <c r="A26" s="3" t="s">
        <v>35</v>
      </c>
      <c r="B26" s="4">
        <v>45912</v>
      </c>
      <c r="C26" s="5" t="s">
        <v>13</v>
      </c>
      <c r="D26" s="6" t="s">
        <v>9</v>
      </c>
      <c r="E26" s="7" t="s">
        <v>10</v>
      </c>
      <c r="F26" s="8" t="s">
        <v>11</v>
      </c>
      <c r="G26" s="9" t="s">
        <v>43</v>
      </c>
      <c r="H26" s="10" t="s">
        <v>45</v>
      </c>
      <c r="I26" s="11">
        <v>138600</v>
      </c>
    </row>
    <row r="27" spans="1:9" x14ac:dyDescent="0.15">
      <c r="A27" s="3" t="s">
        <v>35</v>
      </c>
      <c r="B27" s="4">
        <v>45912</v>
      </c>
      <c r="C27" s="5" t="s">
        <v>13</v>
      </c>
      <c r="D27" s="6" t="s">
        <v>9</v>
      </c>
      <c r="E27" s="7" t="s">
        <v>10</v>
      </c>
      <c r="F27" s="8" t="s">
        <v>11</v>
      </c>
      <c r="G27" s="9" t="s">
        <v>43</v>
      </c>
      <c r="H27" s="10" t="s">
        <v>46</v>
      </c>
      <c r="I27" s="11">
        <v>770000</v>
      </c>
    </row>
    <row r="28" spans="1:9" x14ac:dyDescent="0.15">
      <c r="A28" s="3" t="s">
        <v>33</v>
      </c>
      <c r="B28" s="4">
        <v>45916</v>
      </c>
      <c r="C28" s="5" t="s">
        <v>13</v>
      </c>
      <c r="D28" s="6" t="s">
        <v>9</v>
      </c>
      <c r="E28" s="7" t="s">
        <v>10</v>
      </c>
      <c r="F28" s="8" t="s">
        <v>11</v>
      </c>
      <c r="G28" s="9" t="s">
        <v>23</v>
      </c>
      <c r="H28" s="10" t="s">
        <v>47</v>
      </c>
      <c r="I28" s="11">
        <v>41510</v>
      </c>
    </row>
    <row r="29" spans="1:9" x14ac:dyDescent="0.15">
      <c r="A29" s="3" t="s">
        <v>33</v>
      </c>
      <c r="B29" s="4">
        <v>45916</v>
      </c>
      <c r="C29" s="5" t="s">
        <v>13</v>
      </c>
      <c r="D29" s="6" t="s">
        <v>9</v>
      </c>
      <c r="E29" s="7" t="s">
        <v>10</v>
      </c>
      <c r="F29" s="8" t="s">
        <v>11</v>
      </c>
      <c r="G29" s="9" t="s">
        <v>23</v>
      </c>
      <c r="H29" s="10" t="s">
        <v>47</v>
      </c>
      <c r="I29" s="11">
        <v>42290</v>
      </c>
    </row>
    <row r="30" spans="1:9" x14ac:dyDescent="0.15">
      <c r="A30" s="3" t="s">
        <v>12</v>
      </c>
      <c r="B30" s="4">
        <v>45917</v>
      </c>
      <c r="C30" s="5" t="s">
        <v>13</v>
      </c>
      <c r="D30" s="6" t="s">
        <v>9</v>
      </c>
      <c r="E30" s="7" t="s">
        <v>10</v>
      </c>
      <c r="F30" s="8" t="s">
        <v>11</v>
      </c>
      <c r="G30" s="9" t="s">
        <v>48</v>
      </c>
      <c r="H30" s="10" t="s">
        <v>49</v>
      </c>
      <c r="I30" s="11">
        <v>371664</v>
      </c>
    </row>
    <row r="31" spans="1:9" x14ac:dyDescent="0.15">
      <c r="A31" s="3" t="s">
        <v>50</v>
      </c>
      <c r="B31" s="4">
        <v>45917</v>
      </c>
      <c r="C31" s="5" t="s">
        <v>13</v>
      </c>
      <c r="D31" s="6" t="s">
        <v>9</v>
      </c>
      <c r="E31" s="7" t="s">
        <v>10</v>
      </c>
      <c r="F31" s="8" t="s">
        <v>11</v>
      </c>
      <c r="G31" s="9" t="s">
        <v>48</v>
      </c>
      <c r="H31" s="10" t="s">
        <v>51</v>
      </c>
      <c r="I31" s="11">
        <v>30944295</v>
      </c>
    </row>
    <row r="32" spans="1:9" x14ac:dyDescent="0.15">
      <c r="A32" s="3" t="s">
        <v>17</v>
      </c>
      <c r="B32" s="4">
        <v>45917</v>
      </c>
      <c r="C32" s="5" t="s">
        <v>13</v>
      </c>
      <c r="D32" s="6" t="s">
        <v>9</v>
      </c>
      <c r="E32" s="7" t="s">
        <v>10</v>
      </c>
      <c r="F32" s="8" t="s">
        <v>11</v>
      </c>
      <c r="G32" s="9" t="s">
        <v>48</v>
      </c>
      <c r="H32" s="10" t="s">
        <v>49</v>
      </c>
      <c r="I32" s="11">
        <v>624963</v>
      </c>
    </row>
    <row r="33" spans="1:9" x14ac:dyDescent="0.15">
      <c r="A33" s="3" t="s">
        <v>20</v>
      </c>
      <c r="B33" s="4">
        <v>45917</v>
      </c>
      <c r="C33" s="5" t="s">
        <v>13</v>
      </c>
      <c r="D33" s="6" t="s">
        <v>9</v>
      </c>
      <c r="E33" s="7" t="s">
        <v>10</v>
      </c>
      <c r="F33" s="8" t="s">
        <v>11</v>
      </c>
      <c r="G33" s="9" t="s">
        <v>29</v>
      </c>
      <c r="H33" s="10" t="s">
        <v>52</v>
      </c>
      <c r="I33" s="11">
        <v>10103</v>
      </c>
    </row>
    <row r="34" spans="1:9" x14ac:dyDescent="0.15">
      <c r="A34" s="3" t="s">
        <v>20</v>
      </c>
      <c r="B34" s="4">
        <v>45917</v>
      </c>
      <c r="C34" s="5" t="s">
        <v>13</v>
      </c>
      <c r="D34" s="6" t="s">
        <v>9</v>
      </c>
      <c r="E34" s="7" t="s">
        <v>10</v>
      </c>
      <c r="F34" s="8" t="s">
        <v>11</v>
      </c>
      <c r="G34" s="9" t="s">
        <v>48</v>
      </c>
      <c r="H34" s="10" t="s">
        <v>49</v>
      </c>
      <c r="I34" s="11">
        <v>624963</v>
      </c>
    </row>
    <row r="35" spans="1:9" x14ac:dyDescent="0.15">
      <c r="A35" s="3" t="s">
        <v>12</v>
      </c>
      <c r="B35" s="4">
        <v>45919</v>
      </c>
      <c r="C35" s="5" t="s">
        <v>13</v>
      </c>
      <c r="D35" s="6" t="s">
        <v>9</v>
      </c>
      <c r="E35" s="7" t="s">
        <v>10</v>
      </c>
      <c r="F35" s="8" t="s">
        <v>11</v>
      </c>
      <c r="G35" s="9" t="s">
        <v>53</v>
      </c>
      <c r="H35" s="10" t="s">
        <v>54</v>
      </c>
      <c r="I35" s="11">
        <v>118794</v>
      </c>
    </row>
    <row r="36" spans="1:9" x14ac:dyDescent="0.15">
      <c r="A36" s="3" t="s">
        <v>12</v>
      </c>
      <c r="B36" s="4">
        <v>45919</v>
      </c>
      <c r="C36" s="5" t="s">
        <v>13</v>
      </c>
      <c r="D36" s="6" t="s">
        <v>9</v>
      </c>
      <c r="E36" s="7" t="s">
        <v>10</v>
      </c>
      <c r="F36" s="8" t="s">
        <v>11</v>
      </c>
      <c r="G36" s="9" t="s">
        <v>53</v>
      </c>
      <c r="H36" s="10" t="s">
        <v>54</v>
      </c>
      <c r="I36" s="11">
        <v>53253</v>
      </c>
    </row>
    <row r="37" spans="1:9" x14ac:dyDescent="0.15">
      <c r="A37" s="3" t="s">
        <v>12</v>
      </c>
      <c r="B37" s="4">
        <v>45919</v>
      </c>
      <c r="C37" s="5" t="s">
        <v>13</v>
      </c>
      <c r="D37" s="6" t="s">
        <v>9</v>
      </c>
      <c r="E37" s="7" t="s">
        <v>10</v>
      </c>
      <c r="F37" s="8" t="s">
        <v>11</v>
      </c>
      <c r="G37" s="9" t="s">
        <v>53</v>
      </c>
      <c r="H37" s="10" t="s">
        <v>55</v>
      </c>
      <c r="I37" s="11">
        <v>9458</v>
      </c>
    </row>
    <row r="38" spans="1:9" x14ac:dyDescent="0.15">
      <c r="A38" s="3" t="s">
        <v>12</v>
      </c>
      <c r="B38" s="4">
        <v>45919</v>
      </c>
      <c r="C38" s="5" t="s">
        <v>13</v>
      </c>
      <c r="D38" s="6" t="s">
        <v>9</v>
      </c>
      <c r="E38" s="7" t="s">
        <v>10</v>
      </c>
      <c r="F38" s="8" t="s">
        <v>11</v>
      </c>
      <c r="G38" s="9" t="s">
        <v>53</v>
      </c>
      <c r="H38" s="10" t="s">
        <v>56</v>
      </c>
      <c r="I38" s="11">
        <v>11880</v>
      </c>
    </row>
    <row r="39" spans="1:9" x14ac:dyDescent="0.15">
      <c r="A39" s="3" t="s">
        <v>12</v>
      </c>
      <c r="B39" s="4">
        <v>45919</v>
      </c>
      <c r="C39" s="5" t="s">
        <v>13</v>
      </c>
      <c r="D39" s="6" t="s">
        <v>9</v>
      </c>
      <c r="E39" s="7" t="s">
        <v>10</v>
      </c>
      <c r="F39" s="8" t="s">
        <v>11</v>
      </c>
      <c r="G39" s="9" t="s">
        <v>53</v>
      </c>
      <c r="H39" s="10" t="s">
        <v>56</v>
      </c>
      <c r="I39" s="11">
        <v>5940</v>
      </c>
    </row>
    <row r="40" spans="1:9" x14ac:dyDescent="0.15">
      <c r="A40" s="3" t="s">
        <v>12</v>
      </c>
      <c r="B40" s="4">
        <v>45919</v>
      </c>
      <c r="C40" s="5" t="s">
        <v>13</v>
      </c>
      <c r="D40" s="6" t="s">
        <v>9</v>
      </c>
      <c r="E40" s="7" t="s">
        <v>10</v>
      </c>
      <c r="F40" s="8" t="s">
        <v>11</v>
      </c>
      <c r="G40" s="9" t="s">
        <v>53</v>
      </c>
      <c r="H40" s="10" t="s">
        <v>57</v>
      </c>
      <c r="I40" s="11">
        <v>6930</v>
      </c>
    </row>
    <row r="41" spans="1:9" x14ac:dyDescent="0.15">
      <c r="A41" s="3" t="s">
        <v>12</v>
      </c>
      <c r="B41" s="4">
        <v>45919</v>
      </c>
      <c r="C41" s="5" t="s">
        <v>13</v>
      </c>
      <c r="D41" s="6" t="s">
        <v>9</v>
      </c>
      <c r="E41" s="7" t="s">
        <v>10</v>
      </c>
      <c r="F41" s="8" t="s">
        <v>11</v>
      </c>
      <c r="G41" s="9" t="s">
        <v>53</v>
      </c>
      <c r="H41" s="10" t="s">
        <v>57</v>
      </c>
      <c r="I41" s="11">
        <v>6930</v>
      </c>
    </row>
    <row r="42" spans="1:9" x14ac:dyDescent="0.15">
      <c r="A42" s="3" t="s">
        <v>12</v>
      </c>
      <c r="B42" s="4">
        <v>45919</v>
      </c>
      <c r="C42" s="5" t="s">
        <v>13</v>
      </c>
      <c r="D42" s="6" t="s">
        <v>9</v>
      </c>
      <c r="E42" s="7" t="s">
        <v>10</v>
      </c>
      <c r="F42" s="8" t="s">
        <v>11</v>
      </c>
      <c r="G42" s="9" t="s">
        <v>29</v>
      </c>
      <c r="H42" s="10" t="s">
        <v>31</v>
      </c>
      <c r="I42" s="11">
        <v>5554</v>
      </c>
    </row>
    <row r="43" spans="1:9" x14ac:dyDescent="0.15">
      <c r="A43" s="3" t="s">
        <v>17</v>
      </c>
      <c r="B43" s="4">
        <v>45919</v>
      </c>
      <c r="C43" s="5" t="s">
        <v>13</v>
      </c>
      <c r="D43" s="6" t="s">
        <v>9</v>
      </c>
      <c r="E43" s="7" t="s">
        <v>10</v>
      </c>
      <c r="F43" s="8" t="s">
        <v>11</v>
      </c>
      <c r="G43" s="9" t="s">
        <v>23</v>
      </c>
      <c r="H43" s="10" t="s">
        <v>58</v>
      </c>
      <c r="I43" s="11">
        <v>320</v>
      </c>
    </row>
    <row r="44" spans="1:9" x14ac:dyDescent="0.15">
      <c r="A44" s="3" t="s">
        <v>17</v>
      </c>
      <c r="B44" s="4">
        <v>45919</v>
      </c>
      <c r="C44" s="5" t="s">
        <v>13</v>
      </c>
      <c r="D44" s="6" t="s">
        <v>9</v>
      </c>
      <c r="E44" s="7" t="s">
        <v>10</v>
      </c>
      <c r="F44" s="8" t="s">
        <v>11</v>
      </c>
      <c r="G44" s="9" t="s">
        <v>23</v>
      </c>
      <c r="H44" s="10" t="s">
        <v>58</v>
      </c>
      <c r="I44" s="11">
        <v>2933</v>
      </c>
    </row>
    <row r="45" spans="1:9" x14ac:dyDescent="0.15">
      <c r="A45" s="3" t="s">
        <v>17</v>
      </c>
      <c r="B45" s="4">
        <v>45919</v>
      </c>
      <c r="C45" s="5" t="s">
        <v>13</v>
      </c>
      <c r="D45" s="6" t="s">
        <v>9</v>
      </c>
      <c r="E45" s="7" t="s">
        <v>10</v>
      </c>
      <c r="F45" s="8" t="s">
        <v>11</v>
      </c>
      <c r="G45" s="9" t="s">
        <v>23</v>
      </c>
      <c r="H45" s="10" t="s">
        <v>58</v>
      </c>
      <c r="I45" s="11">
        <v>5000</v>
      </c>
    </row>
    <row r="46" spans="1:9" x14ac:dyDescent="0.15">
      <c r="A46" s="3" t="s">
        <v>17</v>
      </c>
      <c r="B46" s="4">
        <v>45919</v>
      </c>
      <c r="C46" s="5" t="s">
        <v>13</v>
      </c>
      <c r="D46" s="6" t="s">
        <v>9</v>
      </c>
      <c r="E46" s="7" t="s">
        <v>10</v>
      </c>
      <c r="F46" s="8" t="s">
        <v>11</v>
      </c>
      <c r="G46" s="9" t="s">
        <v>23</v>
      </c>
      <c r="H46" s="10" t="s">
        <v>58</v>
      </c>
      <c r="I46" s="11">
        <v>300</v>
      </c>
    </row>
    <row r="47" spans="1:9" x14ac:dyDescent="0.15">
      <c r="A47" s="3" t="s">
        <v>17</v>
      </c>
      <c r="B47" s="4">
        <v>45919</v>
      </c>
      <c r="C47" s="5" t="s">
        <v>13</v>
      </c>
      <c r="D47" s="6" t="s">
        <v>9</v>
      </c>
      <c r="E47" s="7" t="s">
        <v>10</v>
      </c>
      <c r="F47" s="8" t="s">
        <v>11</v>
      </c>
      <c r="G47" s="9" t="s">
        <v>23</v>
      </c>
      <c r="H47" s="10" t="s">
        <v>58</v>
      </c>
      <c r="I47" s="11">
        <v>180</v>
      </c>
    </row>
    <row r="48" spans="1:9" x14ac:dyDescent="0.15">
      <c r="A48" s="3" t="s">
        <v>17</v>
      </c>
      <c r="B48" s="4">
        <v>45919</v>
      </c>
      <c r="C48" s="5" t="s">
        <v>13</v>
      </c>
      <c r="D48" s="6" t="s">
        <v>9</v>
      </c>
      <c r="E48" s="7" t="s">
        <v>10</v>
      </c>
      <c r="F48" s="8" t="s">
        <v>11</v>
      </c>
      <c r="G48" s="9" t="s">
        <v>23</v>
      </c>
      <c r="H48" s="10" t="s">
        <v>58</v>
      </c>
      <c r="I48" s="11">
        <v>1000</v>
      </c>
    </row>
    <row r="49" spans="1:9" x14ac:dyDescent="0.15">
      <c r="A49" s="3" t="s">
        <v>17</v>
      </c>
      <c r="B49" s="4">
        <v>45919</v>
      </c>
      <c r="C49" s="5" t="s">
        <v>13</v>
      </c>
      <c r="D49" s="6" t="s">
        <v>9</v>
      </c>
      <c r="E49" s="7" t="s">
        <v>10</v>
      </c>
      <c r="F49" s="8" t="s">
        <v>11</v>
      </c>
      <c r="G49" s="9" t="s">
        <v>23</v>
      </c>
      <c r="H49" s="10" t="s">
        <v>58</v>
      </c>
      <c r="I49" s="11">
        <v>440</v>
      </c>
    </row>
    <row r="50" spans="1:9" x14ac:dyDescent="0.15">
      <c r="A50" s="3" t="s">
        <v>17</v>
      </c>
      <c r="B50" s="4">
        <v>45919</v>
      </c>
      <c r="C50" s="5" t="s">
        <v>13</v>
      </c>
      <c r="D50" s="6" t="s">
        <v>9</v>
      </c>
      <c r="E50" s="7" t="s">
        <v>10</v>
      </c>
      <c r="F50" s="8" t="s">
        <v>11</v>
      </c>
      <c r="G50" s="9" t="s">
        <v>23</v>
      </c>
      <c r="H50" s="10" t="s">
        <v>58</v>
      </c>
      <c r="I50" s="11">
        <v>360</v>
      </c>
    </row>
    <row r="51" spans="1:9" x14ac:dyDescent="0.15">
      <c r="A51" s="3" t="s">
        <v>17</v>
      </c>
      <c r="B51" s="4">
        <v>45919</v>
      </c>
      <c r="C51" s="5" t="s">
        <v>13</v>
      </c>
      <c r="D51" s="6" t="s">
        <v>9</v>
      </c>
      <c r="E51" s="7" t="s">
        <v>10</v>
      </c>
      <c r="F51" s="8" t="s">
        <v>11</v>
      </c>
      <c r="G51" s="9" t="s">
        <v>23</v>
      </c>
      <c r="H51" s="10" t="s">
        <v>58</v>
      </c>
      <c r="I51" s="11">
        <v>440</v>
      </c>
    </row>
    <row r="52" spans="1:9" x14ac:dyDescent="0.15">
      <c r="A52" s="3" t="s">
        <v>27</v>
      </c>
      <c r="B52" s="4">
        <v>45919</v>
      </c>
      <c r="C52" s="5" t="s">
        <v>13</v>
      </c>
      <c r="D52" s="6" t="s">
        <v>9</v>
      </c>
      <c r="E52" s="7" t="s">
        <v>10</v>
      </c>
      <c r="F52" s="8" t="s">
        <v>11</v>
      </c>
      <c r="G52" s="9" t="s">
        <v>53</v>
      </c>
      <c r="H52" s="10" t="s">
        <v>59</v>
      </c>
      <c r="I52" s="11">
        <v>25300</v>
      </c>
    </row>
    <row r="53" spans="1:9" x14ac:dyDescent="0.15">
      <c r="A53" s="3" t="s">
        <v>27</v>
      </c>
      <c r="B53" s="4">
        <v>45919</v>
      </c>
      <c r="C53" s="5" t="s">
        <v>13</v>
      </c>
      <c r="D53" s="6" t="s">
        <v>9</v>
      </c>
      <c r="E53" s="7" t="s">
        <v>10</v>
      </c>
      <c r="F53" s="8" t="s">
        <v>11</v>
      </c>
      <c r="G53" s="9" t="s">
        <v>36</v>
      </c>
      <c r="H53" s="10" t="s">
        <v>60</v>
      </c>
      <c r="I53" s="11">
        <v>14355946</v>
      </c>
    </row>
    <row r="54" spans="1:9" x14ac:dyDescent="0.15">
      <c r="A54" s="3" t="s">
        <v>27</v>
      </c>
      <c r="B54" s="4">
        <v>45919</v>
      </c>
      <c r="C54" s="5" t="s">
        <v>13</v>
      </c>
      <c r="D54" s="6" t="s">
        <v>9</v>
      </c>
      <c r="E54" s="7" t="s">
        <v>10</v>
      </c>
      <c r="F54" s="8" t="s">
        <v>11</v>
      </c>
      <c r="G54" s="9" t="s">
        <v>43</v>
      </c>
      <c r="H54" s="10" t="s">
        <v>61</v>
      </c>
      <c r="I54" s="11">
        <v>1903000</v>
      </c>
    </row>
    <row r="55" spans="1:9" x14ac:dyDescent="0.15">
      <c r="A55" s="3" t="s">
        <v>20</v>
      </c>
      <c r="B55" s="4">
        <v>45919</v>
      </c>
      <c r="C55" s="5" t="s">
        <v>13</v>
      </c>
      <c r="D55" s="6" t="s">
        <v>9</v>
      </c>
      <c r="E55" s="7" t="s">
        <v>10</v>
      </c>
      <c r="F55" s="8" t="s">
        <v>11</v>
      </c>
      <c r="G55" s="9" t="s">
        <v>36</v>
      </c>
      <c r="H55" s="10" t="s">
        <v>62</v>
      </c>
      <c r="I55" s="11">
        <v>11085760</v>
      </c>
    </row>
    <row r="56" spans="1:9" x14ac:dyDescent="0.15">
      <c r="A56" s="3" t="s">
        <v>20</v>
      </c>
      <c r="B56" s="4">
        <v>45919</v>
      </c>
      <c r="C56" s="5" t="s">
        <v>13</v>
      </c>
      <c r="D56" s="6" t="s">
        <v>9</v>
      </c>
      <c r="E56" s="7" t="s">
        <v>10</v>
      </c>
      <c r="F56" s="8" t="s">
        <v>11</v>
      </c>
      <c r="G56" s="9" t="s">
        <v>38</v>
      </c>
      <c r="H56" s="10" t="s">
        <v>63</v>
      </c>
      <c r="I56" s="11">
        <v>356</v>
      </c>
    </row>
    <row r="57" spans="1:9" x14ac:dyDescent="0.15">
      <c r="A57" s="3" t="s">
        <v>20</v>
      </c>
      <c r="B57" s="4">
        <v>45919</v>
      </c>
      <c r="C57" s="5" t="s">
        <v>13</v>
      </c>
      <c r="D57" s="6" t="s">
        <v>9</v>
      </c>
      <c r="E57" s="7" t="s">
        <v>10</v>
      </c>
      <c r="F57" s="8" t="s">
        <v>11</v>
      </c>
      <c r="G57" s="9" t="s">
        <v>38</v>
      </c>
      <c r="H57" s="10" t="s">
        <v>64</v>
      </c>
      <c r="I57" s="11">
        <v>2190</v>
      </c>
    </row>
    <row r="58" spans="1:9" x14ac:dyDescent="0.15">
      <c r="A58" s="3" t="s">
        <v>12</v>
      </c>
      <c r="B58" s="4">
        <v>45922</v>
      </c>
      <c r="C58" s="5" t="s">
        <v>13</v>
      </c>
      <c r="D58" s="6" t="s">
        <v>9</v>
      </c>
      <c r="E58" s="7" t="s">
        <v>10</v>
      </c>
      <c r="F58" s="8" t="s">
        <v>11</v>
      </c>
      <c r="G58" s="9" t="s">
        <v>29</v>
      </c>
      <c r="H58" s="10" t="s">
        <v>65</v>
      </c>
      <c r="I58" s="11">
        <v>17508</v>
      </c>
    </row>
    <row r="59" spans="1:9" x14ac:dyDescent="0.15">
      <c r="A59" s="3" t="s">
        <v>12</v>
      </c>
      <c r="B59" s="4">
        <v>45922</v>
      </c>
      <c r="C59" s="5" t="s">
        <v>13</v>
      </c>
      <c r="D59" s="6" t="s">
        <v>9</v>
      </c>
      <c r="E59" s="7" t="s">
        <v>10</v>
      </c>
      <c r="F59" s="8" t="s">
        <v>11</v>
      </c>
      <c r="G59" s="9" t="s">
        <v>29</v>
      </c>
      <c r="H59" s="10" t="s">
        <v>32</v>
      </c>
      <c r="I59" s="11">
        <v>2820</v>
      </c>
    </row>
    <row r="60" spans="1:9" x14ac:dyDescent="0.15">
      <c r="A60" s="3" t="s">
        <v>12</v>
      </c>
      <c r="B60" s="4">
        <v>45922</v>
      </c>
      <c r="C60" s="5" t="s">
        <v>13</v>
      </c>
      <c r="D60" s="6" t="s">
        <v>9</v>
      </c>
      <c r="E60" s="7" t="s">
        <v>10</v>
      </c>
      <c r="F60" s="8" t="s">
        <v>11</v>
      </c>
      <c r="G60" s="9" t="s">
        <v>29</v>
      </c>
      <c r="H60" s="10" t="s">
        <v>32</v>
      </c>
      <c r="I60" s="11">
        <v>2951</v>
      </c>
    </row>
    <row r="61" spans="1:9" x14ac:dyDescent="0.15">
      <c r="A61" s="3" t="s">
        <v>33</v>
      </c>
      <c r="B61" s="4">
        <v>45922</v>
      </c>
      <c r="C61" s="5" t="s">
        <v>13</v>
      </c>
      <c r="D61" s="6" t="s">
        <v>9</v>
      </c>
      <c r="E61" s="7" t="s">
        <v>10</v>
      </c>
      <c r="F61" s="8" t="s">
        <v>11</v>
      </c>
      <c r="G61" s="9" t="s">
        <v>23</v>
      </c>
      <c r="H61" s="10" t="s">
        <v>66</v>
      </c>
      <c r="I61" s="11">
        <v>3283</v>
      </c>
    </row>
    <row r="62" spans="1:9" x14ac:dyDescent="0.15">
      <c r="A62" s="3" t="s">
        <v>33</v>
      </c>
      <c r="B62" s="4">
        <v>45922</v>
      </c>
      <c r="C62" s="5" t="s">
        <v>13</v>
      </c>
      <c r="D62" s="6" t="s">
        <v>9</v>
      </c>
      <c r="E62" s="7" t="s">
        <v>10</v>
      </c>
      <c r="F62" s="8" t="s">
        <v>11</v>
      </c>
      <c r="G62" s="9" t="s">
        <v>23</v>
      </c>
      <c r="H62" s="10" t="s">
        <v>66</v>
      </c>
      <c r="I62" s="11">
        <v>380</v>
      </c>
    </row>
    <row r="63" spans="1:9" x14ac:dyDescent="0.15">
      <c r="A63" s="3" t="s">
        <v>33</v>
      </c>
      <c r="B63" s="4">
        <v>45922</v>
      </c>
      <c r="C63" s="5" t="s">
        <v>13</v>
      </c>
      <c r="D63" s="6" t="s">
        <v>9</v>
      </c>
      <c r="E63" s="7" t="s">
        <v>10</v>
      </c>
      <c r="F63" s="8" t="s">
        <v>11</v>
      </c>
      <c r="G63" s="9" t="s">
        <v>23</v>
      </c>
      <c r="H63" s="10" t="s">
        <v>66</v>
      </c>
      <c r="I63" s="11">
        <v>440</v>
      </c>
    </row>
    <row r="64" spans="1:9" x14ac:dyDescent="0.15">
      <c r="A64" s="3" t="s">
        <v>33</v>
      </c>
      <c r="B64" s="4">
        <v>45922</v>
      </c>
      <c r="C64" s="5" t="s">
        <v>13</v>
      </c>
      <c r="D64" s="6" t="s">
        <v>9</v>
      </c>
      <c r="E64" s="7" t="s">
        <v>10</v>
      </c>
      <c r="F64" s="8" t="s">
        <v>11</v>
      </c>
      <c r="G64" s="9" t="s">
        <v>23</v>
      </c>
      <c r="H64" s="10" t="s">
        <v>66</v>
      </c>
      <c r="I64" s="11">
        <v>2612</v>
      </c>
    </row>
    <row r="65" spans="1:9" x14ac:dyDescent="0.15">
      <c r="A65" s="3" t="s">
        <v>33</v>
      </c>
      <c r="B65" s="4">
        <v>45922</v>
      </c>
      <c r="C65" s="5" t="s">
        <v>13</v>
      </c>
      <c r="D65" s="6" t="s">
        <v>9</v>
      </c>
      <c r="E65" s="7" t="s">
        <v>10</v>
      </c>
      <c r="F65" s="8" t="s">
        <v>11</v>
      </c>
      <c r="G65" s="9" t="s">
        <v>23</v>
      </c>
      <c r="H65" s="10" t="s">
        <v>66</v>
      </c>
      <c r="I65" s="11">
        <v>380</v>
      </c>
    </row>
    <row r="66" spans="1:9" x14ac:dyDescent="0.15">
      <c r="A66" s="3" t="s">
        <v>33</v>
      </c>
      <c r="B66" s="4">
        <v>45922</v>
      </c>
      <c r="C66" s="5" t="s">
        <v>13</v>
      </c>
      <c r="D66" s="6" t="s">
        <v>9</v>
      </c>
      <c r="E66" s="7" t="s">
        <v>10</v>
      </c>
      <c r="F66" s="8" t="s">
        <v>11</v>
      </c>
      <c r="G66" s="9" t="s">
        <v>23</v>
      </c>
      <c r="H66" s="10" t="s">
        <v>66</v>
      </c>
      <c r="I66" s="11">
        <v>780</v>
      </c>
    </row>
    <row r="67" spans="1:9" x14ac:dyDescent="0.15">
      <c r="A67" s="3" t="s">
        <v>33</v>
      </c>
      <c r="B67" s="4">
        <v>45922</v>
      </c>
      <c r="C67" s="5" t="s">
        <v>13</v>
      </c>
      <c r="D67" s="6" t="s">
        <v>9</v>
      </c>
      <c r="E67" s="7" t="s">
        <v>10</v>
      </c>
      <c r="F67" s="8" t="s">
        <v>11</v>
      </c>
      <c r="G67" s="9" t="s">
        <v>23</v>
      </c>
      <c r="H67" s="10" t="s">
        <v>66</v>
      </c>
      <c r="I67" s="11">
        <v>480</v>
      </c>
    </row>
    <row r="68" spans="1:9" x14ac:dyDescent="0.15">
      <c r="A68" s="3" t="s">
        <v>12</v>
      </c>
      <c r="B68" s="4">
        <v>45924</v>
      </c>
      <c r="C68" s="5" t="s">
        <v>13</v>
      </c>
      <c r="D68" s="6" t="s">
        <v>9</v>
      </c>
      <c r="E68" s="7" t="s">
        <v>10</v>
      </c>
      <c r="F68" s="8" t="s">
        <v>11</v>
      </c>
      <c r="G68" s="9" t="s">
        <v>38</v>
      </c>
      <c r="H68" s="10" t="s">
        <v>67</v>
      </c>
      <c r="I68" s="11">
        <v>7573364</v>
      </c>
    </row>
    <row r="69" spans="1:9" x14ac:dyDescent="0.15">
      <c r="A69" s="3" t="s">
        <v>12</v>
      </c>
      <c r="B69" s="4">
        <v>45924</v>
      </c>
      <c r="C69" s="5" t="s">
        <v>13</v>
      </c>
      <c r="D69" s="6" t="s">
        <v>9</v>
      </c>
      <c r="E69" s="7" t="s">
        <v>10</v>
      </c>
      <c r="F69" s="8" t="s">
        <v>11</v>
      </c>
      <c r="G69" s="9" t="s">
        <v>38</v>
      </c>
      <c r="H69" s="10" t="s">
        <v>67</v>
      </c>
      <c r="I69" s="11">
        <v>5958175</v>
      </c>
    </row>
    <row r="70" spans="1:9" x14ac:dyDescent="0.15">
      <c r="A70" s="3" t="s">
        <v>33</v>
      </c>
      <c r="B70" s="4">
        <v>45924</v>
      </c>
      <c r="C70" s="5" t="s">
        <v>13</v>
      </c>
      <c r="D70" s="6" t="s">
        <v>9</v>
      </c>
      <c r="E70" s="7" t="s">
        <v>10</v>
      </c>
      <c r="F70" s="8" t="s">
        <v>11</v>
      </c>
      <c r="G70" s="9" t="s">
        <v>29</v>
      </c>
      <c r="H70" s="10" t="s">
        <v>68</v>
      </c>
      <c r="I70" s="11">
        <v>25520</v>
      </c>
    </row>
    <row r="71" spans="1:9" x14ac:dyDescent="0.15">
      <c r="A71" s="3" t="s">
        <v>33</v>
      </c>
      <c r="B71" s="4">
        <v>45924</v>
      </c>
      <c r="C71" s="5" t="s">
        <v>13</v>
      </c>
      <c r="D71" s="6" t="s">
        <v>9</v>
      </c>
      <c r="E71" s="7" t="s">
        <v>10</v>
      </c>
      <c r="F71" s="8" t="s">
        <v>11</v>
      </c>
      <c r="G71" s="9" t="s">
        <v>53</v>
      </c>
      <c r="H71" s="2" t="s">
        <v>124</v>
      </c>
      <c r="I71" s="11">
        <v>308880</v>
      </c>
    </row>
    <row r="72" spans="1:9" x14ac:dyDescent="0.15">
      <c r="A72" s="3" t="s">
        <v>33</v>
      </c>
      <c r="B72" s="4">
        <v>45924</v>
      </c>
      <c r="C72" s="5" t="s">
        <v>13</v>
      </c>
      <c r="D72" s="6" t="s">
        <v>9</v>
      </c>
      <c r="E72" s="7" t="s">
        <v>10</v>
      </c>
      <c r="F72" s="8" t="s">
        <v>11</v>
      </c>
      <c r="G72" s="9" t="s">
        <v>53</v>
      </c>
      <c r="H72" s="10" t="s">
        <v>69</v>
      </c>
      <c r="I72" s="11">
        <v>60500</v>
      </c>
    </row>
    <row r="73" spans="1:9" x14ac:dyDescent="0.15">
      <c r="A73" s="3" t="s">
        <v>33</v>
      </c>
      <c r="B73" s="4">
        <v>45924</v>
      </c>
      <c r="C73" s="5" t="s">
        <v>13</v>
      </c>
      <c r="D73" s="6" t="s">
        <v>9</v>
      </c>
      <c r="E73" s="7" t="s">
        <v>10</v>
      </c>
      <c r="F73" s="8" t="s">
        <v>11</v>
      </c>
      <c r="G73" s="9" t="s">
        <v>29</v>
      </c>
      <c r="H73" s="10" t="s">
        <v>70</v>
      </c>
      <c r="I73" s="11">
        <v>55000</v>
      </c>
    </row>
    <row r="74" spans="1:9" x14ac:dyDescent="0.15">
      <c r="A74" s="3" t="s">
        <v>27</v>
      </c>
      <c r="B74" s="4">
        <v>45924</v>
      </c>
      <c r="C74" s="5" t="s">
        <v>13</v>
      </c>
      <c r="D74" s="6" t="s">
        <v>9</v>
      </c>
      <c r="E74" s="7" t="s">
        <v>10</v>
      </c>
      <c r="F74" s="8" t="s">
        <v>11</v>
      </c>
      <c r="G74" s="9" t="s">
        <v>43</v>
      </c>
      <c r="H74" s="10" t="s">
        <v>71</v>
      </c>
      <c r="I74" s="11">
        <v>693000</v>
      </c>
    </row>
    <row r="75" spans="1:9" x14ac:dyDescent="0.15">
      <c r="A75" s="3" t="s">
        <v>12</v>
      </c>
      <c r="B75" s="4">
        <v>45925</v>
      </c>
      <c r="C75" s="5" t="s">
        <v>13</v>
      </c>
      <c r="D75" s="6" t="s">
        <v>9</v>
      </c>
      <c r="E75" s="7" t="s">
        <v>10</v>
      </c>
      <c r="F75" s="8" t="s">
        <v>11</v>
      </c>
      <c r="G75" s="9" t="s">
        <v>38</v>
      </c>
      <c r="H75" s="10" t="s">
        <v>72</v>
      </c>
      <c r="I75" s="11">
        <v>3084045</v>
      </c>
    </row>
    <row r="76" spans="1:9" x14ac:dyDescent="0.15">
      <c r="A76" s="3" t="s">
        <v>12</v>
      </c>
      <c r="B76" s="4">
        <v>45925</v>
      </c>
      <c r="C76" s="5" t="s">
        <v>13</v>
      </c>
      <c r="D76" s="6" t="s">
        <v>9</v>
      </c>
      <c r="E76" s="7" t="s">
        <v>10</v>
      </c>
      <c r="F76" s="8" t="s">
        <v>11</v>
      </c>
      <c r="G76" s="9" t="s">
        <v>38</v>
      </c>
      <c r="H76" s="10" t="s">
        <v>72</v>
      </c>
      <c r="I76" s="11">
        <v>403287</v>
      </c>
    </row>
    <row r="77" spans="1:9" x14ac:dyDescent="0.15">
      <c r="A77" s="3" t="s">
        <v>50</v>
      </c>
      <c r="B77" s="4">
        <v>45925</v>
      </c>
      <c r="C77" s="5" t="s">
        <v>13</v>
      </c>
      <c r="D77" s="6" t="s">
        <v>73</v>
      </c>
      <c r="E77" s="7" t="s">
        <v>73</v>
      </c>
      <c r="F77" s="8" t="s">
        <v>74</v>
      </c>
      <c r="G77" s="9" t="s">
        <v>75</v>
      </c>
      <c r="H77" s="10" t="s">
        <v>76</v>
      </c>
      <c r="I77" s="11">
        <v>1257473222</v>
      </c>
    </row>
    <row r="78" spans="1:9" x14ac:dyDescent="0.15">
      <c r="A78" s="3" t="s">
        <v>50</v>
      </c>
      <c r="B78" s="4">
        <v>45925</v>
      </c>
      <c r="C78" s="5" t="s">
        <v>13</v>
      </c>
      <c r="D78" s="6" t="s">
        <v>9</v>
      </c>
      <c r="E78" s="7" t="s">
        <v>78</v>
      </c>
      <c r="F78" s="8" t="s">
        <v>77</v>
      </c>
      <c r="G78" s="9" t="s">
        <v>79</v>
      </c>
      <c r="H78" s="10" t="s">
        <v>76</v>
      </c>
      <c r="I78" s="11">
        <v>147658115</v>
      </c>
    </row>
    <row r="79" spans="1:9" x14ac:dyDescent="0.15">
      <c r="A79" s="3" t="s">
        <v>17</v>
      </c>
      <c r="B79" s="4">
        <v>45925</v>
      </c>
      <c r="C79" s="5" t="s">
        <v>13</v>
      </c>
      <c r="D79" s="6" t="s">
        <v>9</v>
      </c>
      <c r="E79" s="7" t="s">
        <v>10</v>
      </c>
      <c r="F79" s="8" t="s">
        <v>11</v>
      </c>
      <c r="G79" s="9" t="s">
        <v>53</v>
      </c>
      <c r="H79" s="10" t="s">
        <v>80</v>
      </c>
      <c r="I79" s="11">
        <v>2843359</v>
      </c>
    </row>
    <row r="80" spans="1:9" x14ac:dyDescent="0.15">
      <c r="A80" s="3" t="s">
        <v>17</v>
      </c>
      <c r="B80" s="4">
        <v>45925</v>
      </c>
      <c r="C80" s="5" t="s">
        <v>13</v>
      </c>
      <c r="D80" s="6" t="s">
        <v>9</v>
      </c>
      <c r="E80" s="7" t="s">
        <v>10</v>
      </c>
      <c r="F80" s="8" t="s">
        <v>11</v>
      </c>
      <c r="G80" s="9" t="s">
        <v>53</v>
      </c>
      <c r="H80" s="10" t="s">
        <v>81</v>
      </c>
      <c r="I80" s="11">
        <v>7689</v>
      </c>
    </row>
    <row r="81" spans="1:9" x14ac:dyDescent="0.15">
      <c r="A81" s="3" t="s">
        <v>17</v>
      </c>
      <c r="B81" s="4">
        <v>45925</v>
      </c>
      <c r="C81" s="5" t="s">
        <v>13</v>
      </c>
      <c r="D81" s="6" t="s">
        <v>9</v>
      </c>
      <c r="E81" s="7" t="s">
        <v>10</v>
      </c>
      <c r="F81" s="8" t="s">
        <v>11</v>
      </c>
      <c r="G81" s="9" t="s">
        <v>36</v>
      </c>
      <c r="H81" s="10" t="s">
        <v>82</v>
      </c>
      <c r="I81" s="11">
        <v>30073725</v>
      </c>
    </row>
    <row r="82" spans="1:9" x14ac:dyDescent="0.15">
      <c r="A82" s="3" t="s">
        <v>17</v>
      </c>
      <c r="B82" s="4">
        <v>45925</v>
      </c>
      <c r="C82" s="5" t="s">
        <v>13</v>
      </c>
      <c r="D82" s="6" t="s">
        <v>73</v>
      </c>
      <c r="E82" s="7" t="s">
        <v>73</v>
      </c>
      <c r="F82" s="8" t="s">
        <v>83</v>
      </c>
      <c r="G82" s="9" t="s">
        <v>84</v>
      </c>
      <c r="H82" s="10" t="s">
        <v>85</v>
      </c>
      <c r="I82" s="11">
        <v>82000</v>
      </c>
    </row>
    <row r="83" spans="1:9" x14ac:dyDescent="0.15">
      <c r="A83" s="3" t="s">
        <v>17</v>
      </c>
      <c r="B83" s="4">
        <v>45925</v>
      </c>
      <c r="C83" s="5" t="s">
        <v>13</v>
      </c>
      <c r="D83" s="6" t="s">
        <v>73</v>
      </c>
      <c r="E83" s="7" t="s">
        <v>73</v>
      </c>
      <c r="F83" s="8" t="s">
        <v>83</v>
      </c>
      <c r="G83" s="9" t="s">
        <v>84</v>
      </c>
      <c r="H83" s="10" t="s">
        <v>86</v>
      </c>
      <c r="I83" s="11">
        <v>60000</v>
      </c>
    </row>
    <row r="84" spans="1:9" x14ac:dyDescent="0.15">
      <c r="A84" s="3" t="s">
        <v>17</v>
      </c>
      <c r="B84" s="4">
        <v>45925</v>
      </c>
      <c r="C84" s="5" t="s">
        <v>13</v>
      </c>
      <c r="D84" s="6" t="s">
        <v>9</v>
      </c>
      <c r="E84" s="7" t="s">
        <v>10</v>
      </c>
      <c r="F84" s="8" t="s">
        <v>11</v>
      </c>
      <c r="G84" s="9" t="s">
        <v>25</v>
      </c>
      <c r="H84" s="10" t="s">
        <v>87</v>
      </c>
      <c r="I84" s="11">
        <v>14029288</v>
      </c>
    </row>
    <row r="85" spans="1:9" x14ac:dyDescent="0.15">
      <c r="A85" s="3" t="s">
        <v>12</v>
      </c>
      <c r="B85" s="4">
        <v>45926</v>
      </c>
      <c r="C85" s="5" t="s">
        <v>13</v>
      </c>
      <c r="D85" s="6" t="s">
        <v>9</v>
      </c>
      <c r="E85" s="7" t="s">
        <v>10</v>
      </c>
      <c r="F85" s="8" t="s">
        <v>11</v>
      </c>
      <c r="G85" s="9" t="s">
        <v>29</v>
      </c>
      <c r="H85" s="2" t="s">
        <v>125</v>
      </c>
      <c r="I85" s="11">
        <v>7920</v>
      </c>
    </row>
    <row r="86" spans="1:9" x14ac:dyDescent="0.15">
      <c r="A86" s="3" t="s">
        <v>12</v>
      </c>
      <c r="B86" s="4">
        <v>45926</v>
      </c>
      <c r="C86" s="5" t="s">
        <v>13</v>
      </c>
      <c r="D86" s="6" t="s">
        <v>9</v>
      </c>
      <c r="E86" s="7" t="s">
        <v>10</v>
      </c>
      <c r="F86" s="8" t="s">
        <v>11</v>
      </c>
      <c r="G86" s="9" t="s">
        <v>53</v>
      </c>
      <c r="H86" s="10" t="s">
        <v>88</v>
      </c>
      <c r="I86" s="11">
        <v>19613</v>
      </c>
    </row>
    <row r="87" spans="1:9" x14ac:dyDescent="0.15">
      <c r="A87" s="3" t="s">
        <v>12</v>
      </c>
      <c r="B87" s="4">
        <v>45926</v>
      </c>
      <c r="C87" s="5" t="s">
        <v>13</v>
      </c>
      <c r="D87" s="6" t="s">
        <v>9</v>
      </c>
      <c r="E87" s="7" t="s">
        <v>10</v>
      </c>
      <c r="F87" s="8" t="s">
        <v>11</v>
      </c>
      <c r="G87" s="9" t="s">
        <v>53</v>
      </c>
      <c r="H87" s="10" t="s">
        <v>54</v>
      </c>
      <c r="I87" s="11">
        <v>7228</v>
      </c>
    </row>
    <row r="88" spans="1:9" x14ac:dyDescent="0.15">
      <c r="A88" s="3" t="s">
        <v>12</v>
      </c>
      <c r="B88" s="4">
        <v>45926</v>
      </c>
      <c r="C88" s="5" t="s">
        <v>13</v>
      </c>
      <c r="D88" s="6" t="s">
        <v>9</v>
      </c>
      <c r="E88" s="7" t="s">
        <v>10</v>
      </c>
      <c r="F88" s="8" t="s">
        <v>11</v>
      </c>
      <c r="G88" s="9" t="s">
        <v>53</v>
      </c>
      <c r="H88" s="10" t="s">
        <v>54</v>
      </c>
      <c r="I88" s="11">
        <v>7228</v>
      </c>
    </row>
    <row r="89" spans="1:9" x14ac:dyDescent="0.15">
      <c r="A89" s="3" t="s">
        <v>12</v>
      </c>
      <c r="B89" s="4">
        <v>45926</v>
      </c>
      <c r="C89" s="5" t="s">
        <v>13</v>
      </c>
      <c r="D89" s="6" t="s">
        <v>9</v>
      </c>
      <c r="E89" s="7" t="s">
        <v>10</v>
      </c>
      <c r="F89" s="8" t="s">
        <v>11</v>
      </c>
      <c r="G89" s="9" t="s">
        <v>38</v>
      </c>
      <c r="H89" s="10" t="s">
        <v>89</v>
      </c>
      <c r="I89" s="11">
        <v>1268129</v>
      </c>
    </row>
    <row r="90" spans="1:9" x14ac:dyDescent="0.15">
      <c r="A90" s="3" t="s">
        <v>12</v>
      </c>
      <c r="B90" s="4">
        <v>45926</v>
      </c>
      <c r="C90" s="5" t="s">
        <v>13</v>
      </c>
      <c r="D90" s="6" t="s">
        <v>9</v>
      </c>
      <c r="E90" s="7" t="s">
        <v>10</v>
      </c>
      <c r="F90" s="8" t="s">
        <v>11</v>
      </c>
      <c r="G90" s="9" t="s">
        <v>38</v>
      </c>
      <c r="H90" s="10" t="s">
        <v>89</v>
      </c>
      <c r="I90" s="11">
        <v>174701</v>
      </c>
    </row>
    <row r="91" spans="1:9" x14ac:dyDescent="0.15">
      <c r="A91" s="3" t="s">
        <v>17</v>
      </c>
      <c r="B91" s="4">
        <v>45926</v>
      </c>
      <c r="C91" s="5" t="s">
        <v>13</v>
      </c>
      <c r="D91" s="6" t="s">
        <v>9</v>
      </c>
      <c r="E91" s="7" t="s">
        <v>10</v>
      </c>
      <c r="F91" s="8" t="s">
        <v>11</v>
      </c>
      <c r="G91" s="9" t="s">
        <v>36</v>
      </c>
      <c r="H91" s="10" t="s">
        <v>90</v>
      </c>
      <c r="I91" s="11">
        <v>17104893</v>
      </c>
    </row>
    <row r="92" spans="1:9" x14ac:dyDescent="0.15">
      <c r="A92" s="3" t="s">
        <v>27</v>
      </c>
      <c r="B92" s="4">
        <v>45926</v>
      </c>
      <c r="C92" s="5" t="s">
        <v>13</v>
      </c>
      <c r="D92" s="6" t="s">
        <v>9</v>
      </c>
      <c r="E92" s="7" t="s">
        <v>10</v>
      </c>
      <c r="F92" s="8" t="s">
        <v>11</v>
      </c>
      <c r="G92" s="9" t="s">
        <v>43</v>
      </c>
      <c r="H92" s="10" t="s">
        <v>91</v>
      </c>
      <c r="I92" s="11">
        <v>425700</v>
      </c>
    </row>
    <row r="93" spans="1:9" x14ac:dyDescent="0.15">
      <c r="A93" s="3" t="s">
        <v>20</v>
      </c>
      <c r="B93" s="4">
        <v>45926</v>
      </c>
      <c r="C93" s="5" t="s">
        <v>13</v>
      </c>
      <c r="D93" s="6" t="s">
        <v>9</v>
      </c>
      <c r="E93" s="7" t="s">
        <v>10</v>
      </c>
      <c r="F93" s="8" t="s">
        <v>11</v>
      </c>
      <c r="G93" s="9" t="s">
        <v>53</v>
      </c>
      <c r="H93" s="10" t="s">
        <v>92</v>
      </c>
      <c r="I93" s="11">
        <v>5126</v>
      </c>
    </row>
    <row r="94" spans="1:9" x14ac:dyDescent="0.15">
      <c r="A94" s="3" t="s">
        <v>20</v>
      </c>
      <c r="B94" s="4">
        <v>45926</v>
      </c>
      <c r="C94" s="5" t="s">
        <v>13</v>
      </c>
      <c r="D94" s="6" t="s">
        <v>9</v>
      </c>
      <c r="E94" s="7" t="s">
        <v>10</v>
      </c>
      <c r="F94" s="8" t="s">
        <v>11</v>
      </c>
      <c r="G94" s="9" t="s">
        <v>23</v>
      </c>
      <c r="H94" s="10" t="s">
        <v>93</v>
      </c>
      <c r="I94" s="11">
        <v>1740</v>
      </c>
    </row>
    <row r="95" spans="1:9" x14ac:dyDescent="0.15">
      <c r="A95" s="3" t="s">
        <v>20</v>
      </c>
      <c r="B95" s="4">
        <v>45926</v>
      </c>
      <c r="C95" s="5" t="s">
        <v>13</v>
      </c>
      <c r="D95" s="6" t="s">
        <v>9</v>
      </c>
      <c r="E95" s="7" t="s">
        <v>10</v>
      </c>
      <c r="F95" s="8" t="s">
        <v>11</v>
      </c>
      <c r="G95" s="9" t="s">
        <v>23</v>
      </c>
      <c r="H95" s="10" t="s">
        <v>93</v>
      </c>
      <c r="I95" s="11">
        <v>400</v>
      </c>
    </row>
    <row r="96" spans="1:9" x14ac:dyDescent="0.15">
      <c r="A96" s="3" t="s">
        <v>20</v>
      </c>
      <c r="B96" s="4">
        <v>45926</v>
      </c>
      <c r="C96" s="5" t="s">
        <v>13</v>
      </c>
      <c r="D96" s="6" t="s">
        <v>9</v>
      </c>
      <c r="E96" s="7" t="s">
        <v>10</v>
      </c>
      <c r="F96" s="8" t="s">
        <v>11</v>
      </c>
      <c r="G96" s="9" t="s">
        <v>23</v>
      </c>
      <c r="H96" s="10" t="s">
        <v>93</v>
      </c>
      <c r="I96" s="11">
        <v>3170</v>
      </c>
    </row>
    <row r="97" spans="1:9" x14ac:dyDescent="0.15">
      <c r="A97" s="3" t="s">
        <v>20</v>
      </c>
      <c r="B97" s="4">
        <v>45926</v>
      </c>
      <c r="C97" s="5" t="s">
        <v>13</v>
      </c>
      <c r="D97" s="6" t="s">
        <v>9</v>
      </c>
      <c r="E97" s="7" t="s">
        <v>10</v>
      </c>
      <c r="F97" s="8" t="s">
        <v>11</v>
      </c>
      <c r="G97" s="9" t="s">
        <v>23</v>
      </c>
      <c r="H97" s="10" t="s">
        <v>93</v>
      </c>
      <c r="I97" s="11">
        <v>600</v>
      </c>
    </row>
    <row r="98" spans="1:9" x14ac:dyDescent="0.15">
      <c r="A98" s="3" t="s">
        <v>20</v>
      </c>
      <c r="B98" s="4">
        <v>45926</v>
      </c>
      <c r="C98" s="5" t="s">
        <v>13</v>
      </c>
      <c r="D98" s="6" t="s">
        <v>9</v>
      </c>
      <c r="E98" s="7" t="s">
        <v>10</v>
      </c>
      <c r="F98" s="8" t="s">
        <v>11</v>
      </c>
      <c r="G98" s="9" t="s">
        <v>23</v>
      </c>
      <c r="H98" s="10" t="s">
        <v>93</v>
      </c>
      <c r="I98" s="11">
        <v>1650</v>
      </c>
    </row>
    <row r="99" spans="1:9" x14ac:dyDescent="0.15">
      <c r="A99" s="3" t="s">
        <v>20</v>
      </c>
      <c r="B99" s="4">
        <v>45926</v>
      </c>
      <c r="C99" s="5" t="s">
        <v>13</v>
      </c>
      <c r="D99" s="6" t="s">
        <v>9</v>
      </c>
      <c r="E99" s="7" t="s">
        <v>10</v>
      </c>
      <c r="F99" s="8" t="s">
        <v>11</v>
      </c>
      <c r="G99" s="9" t="s">
        <v>23</v>
      </c>
      <c r="H99" s="10" t="s">
        <v>93</v>
      </c>
      <c r="I99" s="11">
        <v>700</v>
      </c>
    </row>
    <row r="100" spans="1:9" x14ac:dyDescent="0.15">
      <c r="A100" s="3" t="s">
        <v>20</v>
      </c>
      <c r="B100" s="4">
        <v>45926</v>
      </c>
      <c r="C100" s="5" t="s">
        <v>13</v>
      </c>
      <c r="D100" s="6" t="s">
        <v>9</v>
      </c>
      <c r="E100" s="7" t="s">
        <v>10</v>
      </c>
      <c r="F100" s="8" t="s">
        <v>11</v>
      </c>
      <c r="G100" s="9" t="s">
        <v>23</v>
      </c>
      <c r="H100" s="10" t="s">
        <v>93</v>
      </c>
      <c r="I100" s="11">
        <v>852</v>
      </c>
    </row>
    <row r="101" spans="1:9" x14ac:dyDescent="0.15">
      <c r="A101" s="3" t="s">
        <v>20</v>
      </c>
      <c r="B101" s="4">
        <v>45926</v>
      </c>
      <c r="C101" s="5" t="s">
        <v>13</v>
      </c>
      <c r="D101" s="6" t="s">
        <v>9</v>
      </c>
      <c r="E101" s="7" t="s">
        <v>10</v>
      </c>
      <c r="F101" s="8" t="s">
        <v>11</v>
      </c>
      <c r="G101" s="9" t="s">
        <v>23</v>
      </c>
      <c r="H101" s="10" t="s">
        <v>93</v>
      </c>
      <c r="I101" s="11">
        <v>300</v>
      </c>
    </row>
    <row r="102" spans="1:9" x14ac:dyDescent="0.15">
      <c r="A102" s="3" t="s">
        <v>20</v>
      </c>
      <c r="B102" s="4">
        <v>45926</v>
      </c>
      <c r="C102" s="5" t="s">
        <v>13</v>
      </c>
      <c r="D102" s="6" t="s">
        <v>9</v>
      </c>
      <c r="E102" s="7" t="s">
        <v>10</v>
      </c>
      <c r="F102" s="8" t="s">
        <v>11</v>
      </c>
      <c r="G102" s="9" t="s">
        <v>23</v>
      </c>
      <c r="H102" s="10" t="s">
        <v>93</v>
      </c>
      <c r="I102" s="11">
        <v>1361</v>
      </c>
    </row>
    <row r="103" spans="1:9" x14ac:dyDescent="0.15">
      <c r="A103" s="3" t="s">
        <v>20</v>
      </c>
      <c r="B103" s="4">
        <v>45926</v>
      </c>
      <c r="C103" s="5" t="s">
        <v>13</v>
      </c>
      <c r="D103" s="6" t="s">
        <v>9</v>
      </c>
      <c r="E103" s="7" t="s">
        <v>10</v>
      </c>
      <c r="F103" s="8" t="s">
        <v>11</v>
      </c>
      <c r="G103" s="9" t="s">
        <v>23</v>
      </c>
      <c r="H103" s="10" t="s">
        <v>93</v>
      </c>
      <c r="I103" s="11">
        <v>380</v>
      </c>
    </row>
    <row r="104" spans="1:9" x14ac:dyDescent="0.15">
      <c r="A104" s="3" t="s">
        <v>20</v>
      </c>
      <c r="B104" s="4">
        <v>45926</v>
      </c>
      <c r="C104" s="5" t="s">
        <v>13</v>
      </c>
      <c r="D104" s="6" t="s">
        <v>9</v>
      </c>
      <c r="E104" s="7" t="s">
        <v>10</v>
      </c>
      <c r="F104" s="8" t="s">
        <v>11</v>
      </c>
      <c r="G104" s="9" t="s">
        <v>23</v>
      </c>
      <c r="H104" s="10" t="s">
        <v>93</v>
      </c>
      <c r="I104" s="11">
        <v>400</v>
      </c>
    </row>
    <row r="105" spans="1:9" x14ac:dyDescent="0.15">
      <c r="A105" s="3" t="s">
        <v>20</v>
      </c>
      <c r="B105" s="4">
        <v>45926</v>
      </c>
      <c r="C105" s="5" t="s">
        <v>13</v>
      </c>
      <c r="D105" s="6" t="s">
        <v>9</v>
      </c>
      <c r="E105" s="7" t="s">
        <v>10</v>
      </c>
      <c r="F105" s="8" t="s">
        <v>11</v>
      </c>
      <c r="G105" s="9" t="s">
        <v>23</v>
      </c>
      <c r="H105" s="10" t="s">
        <v>93</v>
      </c>
      <c r="I105" s="11">
        <v>400</v>
      </c>
    </row>
    <row r="106" spans="1:9" x14ac:dyDescent="0.15">
      <c r="A106" s="3" t="s">
        <v>20</v>
      </c>
      <c r="B106" s="4">
        <v>45926</v>
      </c>
      <c r="C106" s="5" t="s">
        <v>13</v>
      </c>
      <c r="D106" s="6" t="s">
        <v>9</v>
      </c>
      <c r="E106" s="7" t="s">
        <v>10</v>
      </c>
      <c r="F106" s="8" t="s">
        <v>11</v>
      </c>
      <c r="G106" s="9" t="s">
        <v>23</v>
      </c>
      <c r="H106" s="10" t="s">
        <v>93</v>
      </c>
      <c r="I106" s="11">
        <v>1510</v>
      </c>
    </row>
    <row r="107" spans="1:9" x14ac:dyDescent="0.15">
      <c r="A107" s="3" t="s">
        <v>20</v>
      </c>
      <c r="B107" s="4">
        <v>45926</v>
      </c>
      <c r="C107" s="5" t="s">
        <v>13</v>
      </c>
      <c r="D107" s="6" t="s">
        <v>9</v>
      </c>
      <c r="E107" s="7" t="s">
        <v>10</v>
      </c>
      <c r="F107" s="8" t="s">
        <v>11</v>
      </c>
      <c r="G107" s="9" t="s">
        <v>23</v>
      </c>
      <c r="H107" s="10" t="s">
        <v>93</v>
      </c>
      <c r="I107" s="11">
        <v>1210</v>
      </c>
    </row>
    <row r="108" spans="1:9" x14ac:dyDescent="0.15">
      <c r="A108" s="3" t="s">
        <v>12</v>
      </c>
      <c r="B108" s="4">
        <v>45929</v>
      </c>
      <c r="C108" s="5" t="s">
        <v>13</v>
      </c>
      <c r="D108" s="6" t="s">
        <v>9</v>
      </c>
      <c r="E108" s="7" t="s">
        <v>10</v>
      </c>
      <c r="F108" s="8" t="s">
        <v>11</v>
      </c>
      <c r="G108" s="9" t="s">
        <v>53</v>
      </c>
      <c r="H108" s="10" t="s">
        <v>94</v>
      </c>
      <c r="I108" s="11">
        <v>776358</v>
      </c>
    </row>
    <row r="109" spans="1:9" x14ac:dyDescent="0.15">
      <c r="A109" s="3" t="s">
        <v>12</v>
      </c>
      <c r="B109" s="4">
        <v>45929</v>
      </c>
      <c r="C109" s="5" t="s">
        <v>13</v>
      </c>
      <c r="D109" s="6" t="s">
        <v>9</v>
      </c>
      <c r="E109" s="7" t="s">
        <v>10</v>
      </c>
      <c r="F109" s="8" t="s">
        <v>11</v>
      </c>
      <c r="G109" s="9" t="s">
        <v>29</v>
      </c>
      <c r="H109" s="10" t="s">
        <v>95</v>
      </c>
      <c r="I109" s="11">
        <v>6670</v>
      </c>
    </row>
    <row r="110" spans="1:9" x14ac:dyDescent="0.15">
      <c r="A110" s="3" t="s">
        <v>12</v>
      </c>
      <c r="B110" s="4">
        <v>45929</v>
      </c>
      <c r="C110" s="5" t="s">
        <v>13</v>
      </c>
      <c r="D110" s="6" t="s">
        <v>9</v>
      </c>
      <c r="E110" s="7" t="s">
        <v>10</v>
      </c>
      <c r="F110" s="8" t="s">
        <v>11</v>
      </c>
      <c r="G110" s="9" t="s">
        <v>29</v>
      </c>
      <c r="H110" s="10" t="s">
        <v>95</v>
      </c>
      <c r="I110" s="11">
        <v>2730</v>
      </c>
    </row>
    <row r="111" spans="1:9" x14ac:dyDescent="0.15">
      <c r="A111" s="3" t="s">
        <v>27</v>
      </c>
      <c r="B111" s="4">
        <v>45929</v>
      </c>
      <c r="C111" s="5" t="s">
        <v>13</v>
      </c>
      <c r="D111" s="6" t="s">
        <v>96</v>
      </c>
      <c r="E111" s="7" t="s">
        <v>96</v>
      </c>
      <c r="F111" s="8" t="s">
        <v>97</v>
      </c>
      <c r="G111" s="9" t="s">
        <v>98</v>
      </c>
      <c r="H111" s="10" t="s">
        <v>99</v>
      </c>
      <c r="I111" s="11">
        <v>399710000</v>
      </c>
    </row>
    <row r="112" spans="1:9" x14ac:dyDescent="0.15">
      <c r="A112" s="3" t="s">
        <v>20</v>
      </c>
      <c r="B112" s="4">
        <v>45929</v>
      </c>
      <c r="C112" s="5" t="s">
        <v>13</v>
      </c>
      <c r="D112" s="6" t="s">
        <v>9</v>
      </c>
      <c r="E112" s="7" t="s">
        <v>10</v>
      </c>
      <c r="F112" s="8" t="s">
        <v>11</v>
      </c>
      <c r="G112" s="9" t="s">
        <v>36</v>
      </c>
      <c r="H112" s="10" t="s">
        <v>100</v>
      </c>
      <c r="I112" s="11">
        <v>7628465</v>
      </c>
    </row>
    <row r="113" spans="1:9" x14ac:dyDescent="0.15">
      <c r="A113" s="3" t="s">
        <v>12</v>
      </c>
      <c r="B113" s="4">
        <v>45930</v>
      </c>
      <c r="C113" s="5" t="s">
        <v>13</v>
      </c>
      <c r="D113" s="6" t="s">
        <v>9</v>
      </c>
      <c r="E113" s="7" t="s">
        <v>10</v>
      </c>
      <c r="F113" s="8" t="s">
        <v>11</v>
      </c>
      <c r="G113" s="9" t="s">
        <v>36</v>
      </c>
      <c r="H113" s="10" t="s">
        <v>101</v>
      </c>
      <c r="I113" s="11">
        <v>213483</v>
      </c>
    </row>
    <row r="114" spans="1:9" x14ac:dyDescent="0.15">
      <c r="A114" s="3" t="s">
        <v>12</v>
      </c>
      <c r="B114" s="4">
        <v>45930</v>
      </c>
      <c r="C114" s="5" t="s">
        <v>13</v>
      </c>
      <c r="D114" s="6" t="s">
        <v>9</v>
      </c>
      <c r="E114" s="7" t="s">
        <v>10</v>
      </c>
      <c r="F114" s="8" t="s">
        <v>11</v>
      </c>
      <c r="G114" s="9" t="s">
        <v>102</v>
      </c>
      <c r="H114" s="10" t="s">
        <v>103</v>
      </c>
      <c r="I114" s="11">
        <v>13309</v>
      </c>
    </row>
    <row r="115" spans="1:9" x14ac:dyDescent="0.15">
      <c r="A115" s="3" t="s">
        <v>12</v>
      </c>
      <c r="B115" s="4">
        <v>45930</v>
      </c>
      <c r="C115" s="5" t="s">
        <v>13</v>
      </c>
      <c r="D115" s="6" t="s">
        <v>9</v>
      </c>
      <c r="E115" s="7" t="s">
        <v>10</v>
      </c>
      <c r="F115" s="8" t="s">
        <v>11</v>
      </c>
      <c r="G115" s="9" t="s">
        <v>102</v>
      </c>
      <c r="H115" s="10" t="s">
        <v>103</v>
      </c>
      <c r="I115" s="11">
        <v>11994</v>
      </c>
    </row>
    <row r="116" spans="1:9" x14ac:dyDescent="0.15">
      <c r="A116" s="3" t="s">
        <v>12</v>
      </c>
      <c r="B116" s="4">
        <v>45930</v>
      </c>
      <c r="C116" s="5" t="s">
        <v>13</v>
      </c>
      <c r="D116" s="6" t="s">
        <v>9</v>
      </c>
      <c r="E116" s="7" t="s">
        <v>10</v>
      </c>
      <c r="F116" s="8" t="s">
        <v>11</v>
      </c>
      <c r="G116" s="9" t="s">
        <v>23</v>
      </c>
      <c r="H116" s="10" t="s">
        <v>104</v>
      </c>
      <c r="I116" s="11">
        <v>3540</v>
      </c>
    </row>
    <row r="117" spans="1:9" x14ac:dyDescent="0.15">
      <c r="A117" s="3" t="s">
        <v>12</v>
      </c>
      <c r="B117" s="4">
        <v>45930</v>
      </c>
      <c r="C117" s="5" t="s">
        <v>13</v>
      </c>
      <c r="D117" s="6" t="s">
        <v>9</v>
      </c>
      <c r="E117" s="7" t="s">
        <v>10</v>
      </c>
      <c r="F117" s="8" t="s">
        <v>11</v>
      </c>
      <c r="G117" s="9" t="s">
        <v>23</v>
      </c>
      <c r="H117" s="10" t="s">
        <v>104</v>
      </c>
      <c r="I117" s="11">
        <v>480</v>
      </c>
    </row>
    <row r="118" spans="1:9" x14ac:dyDescent="0.15">
      <c r="A118" s="3" t="s">
        <v>12</v>
      </c>
      <c r="B118" s="4">
        <v>45930</v>
      </c>
      <c r="C118" s="5" t="s">
        <v>13</v>
      </c>
      <c r="D118" s="6" t="s">
        <v>9</v>
      </c>
      <c r="E118" s="7" t="s">
        <v>10</v>
      </c>
      <c r="F118" s="8" t="s">
        <v>11</v>
      </c>
      <c r="G118" s="9" t="s">
        <v>23</v>
      </c>
      <c r="H118" s="10" t="s">
        <v>104</v>
      </c>
      <c r="I118" s="11">
        <v>1220</v>
      </c>
    </row>
    <row r="119" spans="1:9" x14ac:dyDescent="0.15">
      <c r="A119" s="3" t="s">
        <v>12</v>
      </c>
      <c r="B119" s="4">
        <v>45930</v>
      </c>
      <c r="C119" s="5" t="s">
        <v>13</v>
      </c>
      <c r="D119" s="6" t="s">
        <v>9</v>
      </c>
      <c r="E119" s="7" t="s">
        <v>10</v>
      </c>
      <c r="F119" s="8" t="s">
        <v>11</v>
      </c>
      <c r="G119" s="9" t="s">
        <v>23</v>
      </c>
      <c r="H119" s="10" t="s">
        <v>104</v>
      </c>
      <c r="I119" s="11">
        <v>1510</v>
      </c>
    </row>
    <row r="120" spans="1:9" x14ac:dyDescent="0.15">
      <c r="A120" s="3" t="s">
        <v>12</v>
      </c>
      <c r="B120" s="4">
        <v>45930</v>
      </c>
      <c r="C120" s="5" t="s">
        <v>13</v>
      </c>
      <c r="D120" s="6" t="s">
        <v>9</v>
      </c>
      <c r="E120" s="7" t="s">
        <v>10</v>
      </c>
      <c r="F120" s="8" t="s">
        <v>11</v>
      </c>
      <c r="G120" s="9" t="s">
        <v>23</v>
      </c>
      <c r="H120" s="10" t="s">
        <v>104</v>
      </c>
      <c r="I120" s="11">
        <v>2224</v>
      </c>
    </row>
    <row r="121" spans="1:9" x14ac:dyDescent="0.15">
      <c r="A121" s="3" t="s">
        <v>12</v>
      </c>
      <c r="B121" s="4">
        <v>45930</v>
      </c>
      <c r="C121" s="5" t="s">
        <v>13</v>
      </c>
      <c r="D121" s="6" t="s">
        <v>9</v>
      </c>
      <c r="E121" s="7" t="s">
        <v>10</v>
      </c>
      <c r="F121" s="8" t="s">
        <v>11</v>
      </c>
      <c r="G121" s="9" t="s">
        <v>23</v>
      </c>
      <c r="H121" s="10" t="s">
        <v>104</v>
      </c>
      <c r="I121" s="11">
        <v>980</v>
      </c>
    </row>
    <row r="122" spans="1:9" x14ac:dyDescent="0.15">
      <c r="A122" s="3" t="s">
        <v>12</v>
      </c>
      <c r="B122" s="4">
        <v>45930</v>
      </c>
      <c r="C122" s="5" t="s">
        <v>13</v>
      </c>
      <c r="D122" s="6" t="s">
        <v>9</v>
      </c>
      <c r="E122" s="7" t="s">
        <v>10</v>
      </c>
      <c r="F122" s="8" t="s">
        <v>11</v>
      </c>
      <c r="G122" s="9" t="s">
        <v>23</v>
      </c>
      <c r="H122" s="10" t="s">
        <v>104</v>
      </c>
      <c r="I122" s="11">
        <v>2889</v>
      </c>
    </row>
    <row r="123" spans="1:9" x14ac:dyDescent="0.15">
      <c r="A123" s="3" t="s">
        <v>12</v>
      </c>
      <c r="B123" s="4">
        <v>45930</v>
      </c>
      <c r="C123" s="5" t="s">
        <v>13</v>
      </c>
      <c r="D123" s="6" t="s">
        <v>9</v>
      </c>
      <c r="E123" s="7" t="s">
        <v>10</v>
      </c>
      <c r="F123" s="8" t="s">
        <v>11</v>
      </c>
      <c r="G123" s="9" t="s">
        <v>23</v>
      </c>
      <c r="H123" s="10" t="s">
        <v>104</v>
      </c>
      <c r="I123" s="11">
        <v>1010</v>
      </c>
    </row>
    <row r="124" spans="1:9" x14ac:dyDescent="0.15">
      <c r="A124" s="3" t="s">
        <v>12</v>
      </c>
      <c r="B124" s="4">
        <v>45930</v>
      </c>
      <c r="C124" s="5" t="s">
        <v>13</v>
      </c>
      <c r="D124" s="6" t="s">
        <v>9</v>
      </c>
      <c r="E124" s="7" t="s">
        <v>10</v>
      </c>
      <c r="F124" s="8" t="s">
        <v>11</v>
      </c>
      <c r="G124" s="9" t="s">
        <v>23</v>
      </c>
      <c r="H124" s="10" t="s">
        <v>104</v>
      </c>
      <c r="I124" s="11">
        <v>480</v>
      </c>
    </row>
    <row r="125" spans="1:9" x14ac:dyDescent="0.15">
      <c r="A125" s="3" t="s">
        <v>12</v>
      </c>
      <c r="B125" s="4">
        <v>45930</v>
      </c>
      <c r="C125" s="5" t="s">
        <v>13</v>
      </c>
      <c r="D125" s="6" t="s">
        <v>9</v>
      </c>
      <c r="E125" s="7" t="s">
        <v>10</v>
      </c>
      <c r="F125" s="8" t="s">
        <v>11</v>
      </c>
      <c r="G125" s="9" t="s">
        <v>23</v>
      </c>
      <c r="H125" s="10" t="s">
        <v>104</v>
      </c>
      <c r="I125" s="11">
        <v>580</v>
      </c>
    </row>
    <row r="126" spans="1:9" x14ac:dyDescent="0.15">
      <c r="A126" s="3" t="s">
        <v>12</v>
      </c>
      <c r="B126" s="4">
        <v>45930</v>
      </c>
      <c r="C126" s="5" t="s">
        <v>13</v>
      </c>
      <c r="D126" s="6" t="s">
        <v>9</v>
      </c>
      <c r="E126" s="7" t="s">
        <v>10</v>
      </c>
      <c r="F126" s="8" t="s">
        <v>11</v>
      </c>
      <c r="G126" s="9" t="s">
        <v>23</v>
      </c>
      <c r="H126" s="10" t="s">
        <v>104</v>
      </c>
      <c r="I126" s="11">
        <v>480</v>
      </c>
    </row>
    <row r="127" spans="1:9" x14ac:dyDescent="0.15">
      <c r="A127" s="3" t="s">
        <v>12</v>
      </c>
      <c r="B127" s="4">
        <v>45930</v>
      </c>
      <c r="C127" s="5" t="s">
        <v>13</v>
      </c>
      <c r="D127" s="6" t="s">
        <v>9</v>
      </c>
      <c r="E127" s="7" t="s">
        <v>10</v>
      </c>
      <c r="F127" s="8" t="s">
        <v>11</v>
      </c>
      <c r="G127" s="9" t="s">
        <v>23</v>
      </c>
      <c r="H127" s="10" t="s">
        <v>104</v>
      </c>
      <c r="I127" s="11">
        <v>386</v>
      </c>
    </row>
    <row r="128" spans="1:9" x14ac:dyDescent="0.15">
      <c r="A128" s="3" t="s">
        <v>12</v>
      </c>
      <c r="B128" s="4">
        <v>45930</v>
      </c>
      <c r="C128" s="5" t="s">
        <v>13</v>
      </c>
      <c r="D128" s="6" t="s">
        <v>9</v>
      </c>
      <c r="E128" s="7" t="s">
        <v>10</v>
      </c>
      <c r="F128" s="8" t="s">
        <v>11</v>
      </c>
      <c r="G128" s="9" t="s">
        <v>23</v>
      </c>
      <c r="H128" s="10" t="s">
        <v>104</v>
      </c>
      <c r="I128" s="11">
        <v>670</v>
      </c>
    </row>
    <row r="129" spans="1:9" x14ac:dyDescent="0.15">
      <c r="A129" s="3" t="s">
        <v>12</v>
      </c>
      <c r="B129" s="4">
        <v>45930</v>
      </c>
      <c r="C129" s="5" t="s">
        <v>13</v>
      </c>
      <c r="D129" s="6" t="s">
        <v>9</v>
      </c>
      <c r="E129" s="7" t="s">
        <v>10</v>
      </c>
      <c r="F129" s="8" t="s">
        <v>11</v>
      </c>
      <c r="G129" s="9" t="s">
        <v>38</v>
      </c>
      <c r="H129" s="10" t="s">
        <v>105</v>
      </c>
      <c r="I129" s="11">
        <v>81660868</v>
      </c>
    </row>
    <row r="130" spans="1:9" x14ac:dyDescent="0.15">
      <c r="A130" s="3" t="s">
        <v>12</v>
      </c>
      <c r="B130" s="4">
        <v>45930</v>
      </c>
      <c r="C130" s="5" t="s">
        <v>13</v>
      </c>
      <c r="D130" s="6" t="s">
        <v>9</v>
      </c>
      <c r="E130" s="7" t="s">
        <v>10</v>
      </c>
      <c r="F130" s="8" t="s">
        <v>11</v>
      </c>
      <c r="G130" s="9" t="s">
        <v>38</v>
      </c>
      <c r="H130" s="10" t="s">
        <v>106</v>
      </c>
      <c r="I130" s="11">
        <v>25519442</v>
      </c>
    </row>
    <row r="131" spans="1:9" x14ac:dyDescent="0.15">
      <c r="A131" s="3" t="s">
        <v>12</v>
      </c>
      <c r="B131" s="4">
        <v>45930</v>
      </c>
      <c r="C131" s="5" t="s">
        <v>13</v>
      </c>
      <c r="D131" s="6" t="s">
        <v>9</v>
      </c>
      <c r="E131" s="7" t="s">
        <v>10</v>
      </c>
      <c r="F131" s="8" t="s">
        <v>11</v>
      </c>
      <c r="G131" s="9" t="s">
        <v>38</v>
      </c>
      <c r="H131" s="10" t="s">
        <v>107</v>
      </c>
      <c r="I131" s="11">
        <v>36995067</v>
      </c>
    </row>
    <row r="132" spans="1:9" x14ac:dyDescent="0.15">
      <c r="A132" s="3" t="s">
        <v>12</v>
      </c>
      <c r="B132" s="4">
        <v>45930</v>
      </c>
      <c r="C132" s="5" t="s">
        <v>13</v>
      </c>
      <c r="D132" s="6" t="s">
        <v>9</v>
      </c>
      <c r="E132" s="7" t="s">
        <v>10</v>
      </c>
      <c r="F132" s="8" t="s">
        <v>11</v>
      </c>
      <c r="G132" s="9" t="s">
        <v>38</v>
      </c>
      <c r="H132" s="10" t="s">
        <v>108</v>
      </c>
      <c r="I132" s="11">
        <v>2307043</v>
      </c>
    </row>
    <row r="133" spans="1:9" x14ac:dyDescent="0.15">
      <c r="A133" s="3" t="s">
        <v>12</v>
      </c>
      <c r="B133" s="4">
        <v>45930</v>
      </c>
      <c r="C133" s="5" t="s">
        <v>13</v>
      </c>
      <c r="D133" s="6" t="s">
        <v>9</v>
      </c>
      <c r="E133" s="7" t="s">
        <v>10</v>
      </c>
      <c r="F133" s="8" t="s">
        <v>11</v>
      </c>
      <c r="G133" s="9" t="s">
        <v>14</v>
      </c>
      <c r="H133" s="10" t="s">
        <v>109</v>
      </c>
      <c r="I133" s="11">
        <v>20922</v>
      </c>
    </row>
    <row r="134" spans="1:9" x14ac:dyDescent="0.15">
      <c r="A134" s="3" t="s">
        <v>12</v>
      </c>
      <c r="B134" s="4">
        <v>45930</v>
      </c>
      <c r="C134" s="5" t="s">
        <v>13</v>
      </c>
      <c r="D134" s="6" t="s">
        <v>9</v>
      </c>
      <c r="E134" s="7" t="s">
        <v>10</v>
      </c>
      <c r="F134" s="8" t="s">
        <v>11</v>
      </c>
      <c r="G134" s="9" t="s">
        <v>29</v>
      </c>
      <c r="H134" s="10" t="s">
        <v>110</v>
      </c>
      <c r="I134" s="11">
        <v>9506</v>
      </c>
    </row>
    <row r="135" spans="1:9" x14ac:dyDescent="0.15">
      <c r="A135" s="3" t="s">
        <v>12</v>
      </c>
      <c r="B135" s="4">
        <v>45930</v>
      </c>
      <c r="C135" s="5" t="s">
        <v>13</v>
      </c>
      <c r="D135" s="6" t="s">
        <v>9</v>
      </c>
      <c r="E135" s="7" t="s">
        <v>10</v>
      </c>
      <c r="F135" s="8" t="s">
        <v>11</v>
      </c>
      <c r="G135" s="9" t="s">
        <v>29</v>
      </c>
      <c r="H135" s="10" t="s">
        <v>111</v>
      </c>
      <c r="I135" s="11">
        <v>5798</v>
      </c>
    </row>
    <row r="136" spans="1:9" x14ac:dyDescent="0.15">
      <c r="A136" s="3" t="s">
        <v>12</v>
      </c>
      <c r="B136" s="4">
        <v>45930</v>
      </c>
      <c r="C136" s="5" t="s">
        <v>13</v>
      </c>
      <c r="D136" s="6" t="s">
        <v>9</v>
      </c>
      <c r="E136" s="7" t="s">
        <v>10</v>
      </c>
      <c r="F136" s="8" t="s">
        <v>11</v>
      </c>
      <c r="G136" s="9" t="s">
        <v>48</v>
      </c>
      <c r="H136" s="10" t="s">
        <v>112</v>
      </c>
      <c r="I136" s="11">
        <v>31131</v>
      </c>
    </row>
    <row r="137" spans="1:9" x14ac:dyDescent="0.15">
      <c r="A137" s="3" t="s">
        <v>50</v>
      </c>
      <c r="B137" s="4">
        <v>45930</v>
      </c>
      <c r="C137" s="5" t="s">
        <v>13</v>
      </c>
      <c r="D137" s="6" t="s">
        <v>9</v>
      </c>
      <c r="E137" s="7" t="s">
        <v>78</v>
      </c>
      <c r="F137" s="8" t="s">
        <v>113</v>
      </c>
      <c r="G137" s="9" t="s">
        <v>114</v>
      </c>
      <c r="H137" s="10" t="s">
        <v>115</v>
      </c>
      <c r="I137" s="11">
        <v>20536500</v>
      </c>
    </row>
    <row r="138" spans="1:9" x14ac:dyDescent="0.15">
      <c r="A138" s="3" t="s">
        <v>50</v>
      </c>
      <c r="B138" s="4">
        <v>45930</v>
      </c>
      <c r="C138" s="5" t="s">
        <v>13</v>
      </c>
      <c r="D138" s="6" t="s">
        <v>9</v>
      </c>
      <c r="E138" s="7" t="s">
        <v>10</v>
      </c>
      <c r="F138" s="8" t="s">
        <v>11</v>
      </c>
      <c r="G138" s="9" t="s">
        <v>48</v>
      </c>
      <c r="H138" s="10" t="s">
        <v>116</v>
      </c>
      <c r="I138" s="11">
        <v>12110114</v>
      </c>
    </row>
    <row r="139" spans="1:9" x14ac:dyDescent="0.15">
      <c r="A139" s="3" t="s">
        <v>33</v>
      </c>
      <c r="B139" s="4">
        <v>45930</v>
      </c>
      <c r="C139" s="5" t="s">
        <v>13</v>
      </c>
      <c r="D139" s="6" t="s">
        <v>9</v>
      </c>
      <c r="E139" s="7" t="s">
        <v>10</v>
      </c>
      <c r="F139" s="8" t="s">
        <v>11</v>
      </c>
      <c r="G139" s="9" t="s">
        <v>117</v>
      </c>
      <c r="H139" s="10" t="s">
        <v>118</v>
      </c>
      <c r="I139" s="11">
        <v>275120</v>
      </c>
    </row>
    <row r="140" spans="1:9" x14ac:dyDescent="0.15">
      <c r="A140" s="3" t="s">
        <v>17</v>
      </c>
      <c r="B140" s="4">
        <v>45930</v>
      </c>
      <c r="C140" s="5" t="s">
        <v>13</v>
      </c>
      <c r="D140" s="6" t="s">
        <v>9</v>
      </c>
      <c r="E140" s="7" t="s">
        <v>10</v>
      </c>
      <c r="F140" s="8" t="s">
        <v>11</v>
      </c>
      <c r="G140" s="9" t="s">
        <v>29</v>
      </c>
      <c r="H140" s="10" t="s">
        <v>119</v>
      </c>
      <c r="I140" s="11">
        <v>196020</v>
      </c>
    </row>
    <row r="141" spans="1:9" x14ac:dyDescent="0.15">
      <c r="A141" s="3" t="s">
        <v>17</v>
      </c>
      <c r="B141" s="4">
        <v>45930</v>
      </c>
      <c r="C141" s="5" t="s">
        <v>13</v>
      </c>
      <c r="D141" s="6" t="s">
        <v>73</v>
      </c>
      <c r="E141" s="7" t="s">
        <v>73</v>
      </c>
      <c r="F141" s="8" t="s">
        <v>83</v>
      </c>
      <c r="G141" s="9" t="s">
        <v>84</v>
      </c>
      <c r="H141" s="10" t="s">
        <v>86</v>
      </c>
      <c r="I141" s="11">
        <v>60000</v>
      </c>
    </row>
    <row r="142" spans="1:9" x14ac:dyDescent="0.15">
      <c r="A142" s="3" t="s">
        <v>17</v>
      </c>
      <c r="B142" s="4">
        <v>45930</v>
      </c>
      <c r="C142" s="5" t="s">
        <v>13</v>
      </c>
      <c r="D142" s="6" t="s">
        <v>9</v>
      </c>
      <c r="E142" s="7" t="s">
        <v>10</v>
      </c>
      <c r="F142" s="8" t="s">
        <v>11</v>
      </c>
      <c r="G142" s="9" t="s">
        <v>14</v>
      </c>
      <c r="H142" s="10" t="s">
        <v>120</v>
      </c>
      <c r="I142" s="11">
        <v>46599</v>
      </c>
    </row>
    <row r="143" spans="1:9" x14ac:dyDescent="0.15">
      <c r="A143" s="3" t="s">
        <v>17</v>
      </c>
      <c r="B143" s="4">
        <v>45930</v>
      </c>
      <c r="C143" s="5" t="s">
        <v>13</v>
      </c>
      <c r="D143" s="6" t="s">
        <v>9</v>
      </c>
      <c r="E143" s="7" t="s">
        <v>10</v>
      </c>
      <c r="F143" s="8" t="s">
        <v>11</v>
      </c>
      <c r="G143" s="9" t="s">
        <v>48</v>
      </c>
      <c r="H143" s="10" t="s">
        <v>112</v>
      </c>
      <c r="I143" s="11">
        <v>50761</v>
      </c>
    </row>
    <row r="144" spans="1:9" x14ac:dyDescent="0.15">
      <c r="A144" s="3" t="s">
        <v>20</v>
      </c>
      <c r="B144" s="4">
        <v>45930</v>
      </c>
      <c r="C144" s="5" t="s">
        <v>13</v>
      </c>
      <c r="D144" s="6" t="s">
        <v>9</v>
      </c>
      <c r="E144" s="7" t="s">
        <v>10</v>
      </c>
      <c r="F144" s="8" t="s">
        <v>11</v>
      </c>
      <c r="G144" s="9" t="s">
        <v>29</v>
      </c>
      <c r="H144" s="10" t="s">
        <v>121</v>
      </c>
      <c r="I144" s="11">
        <v>1760</v>
      </c>
    </row>
    <row r="145" spans="1:9" x14ac:dyDescent="0.15">
      <c r="A145" s="3" t="s">
        <v>20</v>
      </c>
      <c r="B145" s="4">
        <v>45930</v>
      </c>
      <c r="C145" s="5" t="s">
        <v>13</v>
      </c>
      <c r="D145" s="6" t="s">
        <v>9</v>
      </c>
      <c r="E145" s="7" t="s">
        <v>10</v>
      </c>
      <c r="F145" s="8" t="s">
        <v>11</v>
      </c>
      <c r="G145" s="9" t="s">
        <v>14</v>
      </c>
      <c r="H145" s="10" t="s">
        <v>122</v>
      </c>
      <c r="I145" s="11">
        <v>26628</v>
      </c>
    </row>
    <row r="146" spans="1:9" x14ac:dyDescent="0.15">
      <c r="A146" s="3" t="s">
        <v>20</v>
      </c>
      <c r="B146" s="4">
        <v>45930</v>
      </c>
      <c r="C146" s="5" t="s">
        <v>13</v>
      </c>
      <c r="D146" s="6" t="s">
        <v>9</v>
      </c>
      <c r="E146" s="7" t="s">
        <v>10</v>
      </c>
      <c r="F146" s="8" t="s">
        <v>11</v>
      </c>
      <c r="G146" s="9" t="s">
        <v>14</v>
      </c>
      <c r="H146" s="10" t="s">
        <v>122</v>
      </c>
      <c r="I146" s="11">
        <v>36138</v>
      </c>
    </row>
    <row r="147" spans="1:9" x14ac:dyDescent="0.15">
      <c r="A147" s="3" t="s">
        <v>20</v>
      </c>
      <c r="B147" s="4">
        <v>45930</v>
      </c>
      <c r="C147" s="5" t="s">
        <v>13</v>
      </c>
      <c r="D147" s="6" t="s">
        <v>9</v>
      </c>
      <c r="E147" s="7" t="s">
        <v>10</v>
      </c>
      <c r="F147" s="8" t="s">
        <v>11</v>
      </c>
      <c r="G147" s="9" t="s">
        <v>29</v>
      </c>
      <c r="H147" s="10" t="s">
        <v>123</v>
      </c>
      <c r="I147" s="11">
        <v>241560</v>
      </c>
    </row>
    <row r="148" spans="1:9" x14ac:dyDescent="0.15">
      <c r="A148" s="3" t="s">
        <v>20</v>
      </c>
      <c r="B148" s="4">
        <v>45930</v>
      </c>
      <c r="C148" s="5" t="s">
        <v>13</v>
      </c>
      <c r="D148" s="6" t="s">
        <v>9</v>
      </c>
      <c r="E148" s="7" t="s">
        <v>10</v>
      </c>
      <c r="F148" s="8" t="s">
        <v>11</v>
      </c>
      <c r="G148" s="9" t="s">
        <v>48</v>
      </c>
      <c r="H148" s="10" t="s">
        <v>112</v>
      </c>
      <c r="I148" s="11">
        <v>49953</v>
      </c>
    </row>
  </sheetData>
  <phoneticPr fontId="12"/>
  <printOptions horizontalCentered="1"/>
  <pageMargins left="0.39370078740157483" right="0.39370078740157483" top="0.78740157480314965" bottom="0.59055118110236227" header="0.39370078740157483" footer="0.39370078740157483"/>
  <pageSetup paperSize="9" scale="50" fitToHeight="0" orientation="landscape" r:id="rId1"/>
  <headerFooter alignWithMargins="0">
    <oddHeader xml:space="preserve">&amp;C&amp;"ＭＳ ゴシック,標準" 公金支出情報&amp;R&amp;"ＭＳ ゴシック,標準"
</oddHeader>
    <oddFooter>&amp;R&amp;"ＭＳ ゴシック,NORMAL"&amp;10Page &amp;P of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検索結果</vt:lpstr>
      <vt:lpstr>検索結果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5-10-03T07:33:28Z</cp:lastPrinted>
  <dcterms:created xsi:type="dcterms:W3CDTF">2025-10-03T07:29:14Z</dcterms:created>
  <dcterms:modified xsi:type="dcterms:W3CDTF">2025-10-03T07:33:38Z</dcterms:modified>
</cp:coreProperties>
</file>